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0"/>
  </p:notesMasterIdLst>
  <p:sldIdLst>
    <p:sldId id="281" r:id="rId2"/>
    <p:sldId id="293" r:id="rId3"/>
    <p:sldId id="294" r:id="rId4"/>
    <p:sldId id="282" r:id="rId5"/>
    <p:sldId id="308" r:id="rId6"/>
    <p:sldId id="283" r:id="rId7"/>
    <p:sldId id="275" r:id="rId8"/>
    <p:sldId id="301" r:id="rId9"/>
    <p:sldId id="310" r:id="rId10"/>
    <p:sldId id="309" r:id="rId11"/>
    <p:sldId id="284" r:id="rId12"/>
    <p:sldId id="291" r:id="rId13"/>
    <p:sldId id="285" r:id="rId14"/>
    <p:sldId id="303" r:id="rId15"/>
    <p:sldId id="274" r:id="rId16"/>
    <p:sldId id="295" r:id="rId17"/>
    <p:sldId id="299" r:id="rId18"/>
    <p:sldId id="300" r:id="rId19"/>
  </p:sldIdLst>
  <p:sldSz cx="9144000" cy="6858000" type="screen4x3"/>
  <p:notesSz cx="6858000" cy="9144000"/>
  <p:defaultTextStyle>
    <a:defPPr>
      <a:defRPr lang="it-IT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9900"/>
    <a:srgbClr val="FFCC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ile medio 2 - Color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Stile medio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BC89EF96-8CEA-46FF-86C4-4CE0E7609802}" styleName="Stile chiaro 3 - Colore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664" autoAdjust="0"/>
    <p:restoredTop sz="94660"/>
  </p:normalViewPr>
  <p:slideViewPr>
    <p:cSldViewPr>
      <p:cViewPr>
        <p:scale>
          <a:sx n="70" d="100"/>
          <a:sy n="70" d="100"/>
        </p:scale>
        <p:origin x="-1260" y="-18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4">
  <dgm:title val=""/>
  <dgm:desc val=""/>
  <dgm:catLst>
    <dgm:cat type="colorful" pri="10400"/>
  </dgm:catLst>
  <dgm:styleLbl name="node0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4"/>
      <a:schemeClr val="accent5"/>
    </dgm:fillClrLst>
    <dgm:linClrLst>
      <a:schemeClr val="accent4"/>
      <a:schemeClr val="accent5"/>
    </dgm:linClrLst>
    <dgm:effectClrLst/>
    <dgm:txLinClrLst/>
    <dgm:txFillClrLst/>
    <dgm:txEffectClrLst/>
  </dgm:styleLbl>
  <dgm:styleLbl name="lnNode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4">
        <a:alpha val="50000"/>
      </a:schemeClr>
      <a:schemeClr val="accent5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4">
        <a:tint val="50000"/>
      </a:schemeClr>
      <a:schemeClr val="accent5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4">
        <a:tint val="50000"/>
      </a:schemeClr>
      <a:schemeClr val="accent5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4">
        <a:tint val="50000"/>
      </a:schemeClr>
      <a:schemeClr val="accent5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4"/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4"/>
      <a:schemeClr val="accent5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4"/>
    </dgm:fillClrLst>
    <dgm:linClrLst meth="repeat">
      <a:schemeClr val="accent4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4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4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4"/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4">
        <a:tint val="9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4">
        <a:tint val="5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4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4"/>
      <a:schemeClr val="accent5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4">
        <a:tint val="40000"/>
        <a:alpha val="90000"/>
      </a:schemeClr>
      <a:schemeClr val="accent5">
        <a:tint val="40000"/>
        <a:alpha val="90000"/>
      </a:schemeClr>
    </dgm:fillClrLst>
    <dgm:linClrLst>
      <a:schemeClr val="accent4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4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4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4">
        <a:tint val="50000"/>
        <a:alpha val="40000"/>
      </a:schemeClr>
    </dgm:fillClrLst>
    <dgm:linClrLst meth="repeat">
      <a:schemeClr val="accent4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4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371DA742-9B64-47F9-AC28-487D7C94F51E}" type="doc">
      <dgm:prSet loTypeId="urn:microsoft.com/office/officeart/2005/8/layout/orgChart1" loCatId="hierarchy" qsTypeId="urn:microsoft.com/office/officeart/2005/8/quickstyle/simple5" qsCatId="simple" csTypeId="urn:microsoft.com/office/officeart/2005/8/colors/colorful4" csCatId="colorful" phldr="1"/>
      <dgm:spPr/>
      <dgm:t>
        <a:bodyPr/>
        <a:lstStyle/>
        <a:p>
          <a:endParaRPr lang="it-IT"/>
        </a:p>
      </dgm:t>
    </dgm:pt>
    <dgm:pt modelId="{B6E4D502-163E-42C0-93F0-5BD00B167C3C}">
      <dgm:prSet phldrT="[Testo]" custT="1"/>
      <dgm:spPr/>
      <dgm:t>
        <a:bodyPr/>
        <a:lstStyle/>
        <a:p>
          <a:r>
            <a:rPr lang="it-IT" sz="2400" dirty="0" smtClean="0"/>
            <a:t>La Buona scuola</a:t>
          </a:r>
          <a:endParaRPr lang="it-IT" sz="2400" dirty="0"/>
        </a:p>
      </dgm:t>
    </dgm:pt>
    <dgm:pt modelId="{DE3B9001-8AEE-4A72-A730-5699AFE4EB19}" type="parTrans" cxnId="{44B94E97-0247-4B20-A1CE-539B73F32207}">
      <dgm:prSet/>
      <dgm:spPr/>
      <dgm:t>
        <a:bodyPr/>
        <a:lstStyle/>
        <a:p>
          <a:endParaRPr lang="it-IT"/>
        </a:p>
      </dgm:t>
    </dgm:pt>
    <dgm:pt modelId="{AAFD4193-E2F3-4611-92D2-846839BFA735}" type="sibTrans" cxnId="{44B94E97-0247-4B20-A1CE-539B73F32207}">
      <dgm:prSet/>
      <dgm:spPr/>
      <dgm:t>
        <a:bodyPr/>
        <a:lstStyle/>
        <a:p>
          <a:endParaRPr lang="it-IT"/>
        </a:p>
      </dgm:t>
    </dgm:pt>
    <dgm:pt modelId="{CAE0AFCB-63BB-4B44-BFA1-099E64AD13DF}" type="asst">
      <dgm:prSet phldrT="[Testo]"/>
      <dgm:spPr>
        <a:gradFill rotWithShape="0">
          <a:gsLst>
            <a:gs pos="0">
              <a:srgbClr val="A50021"/>
            </a:gs>
            <a:gs pos="78000">
              <a:srgbClr val="C00000"/>
            </a:gs>
            <a:gs pos="100000">
              <a:srgbClr val="FF0000">
                <a:alpha val="18000"/>
              </a:srgbClr>
            </a:gs>
          </a:gsLst>
        </a:gradFill>
      </dgm:spPr>
      <dgm:t>
        <a:bodyPr/>
        <a:lstStyle/>
        <a:p>
          <a:r>
            <a:rPr lang="it-IT" dirty="0" smtClean="0"/>
            <a:t>Legge 107</a:t>
          </a:r>
          <a:endParaRPr lang="it-IT" dirty="0"/>
        </a:p>
      </dgm:t>
    </dgm:pt>
    <dgm:pt modelId="{05B4BAEC-6AF4-4981-B6D2-A0F4E6531040}" type="parTrans" cxnId="{24466299-9E61-41A1-9FD1-96BBFDD1D57F}">
      <dgm:prSet/>
      <dgm:spPr/>
      <dgm:t>
        <a:bodyPr/>
        <a:lstStyle/>
        <a:p>
          <a:endParaRPr lang="it-IT"/>
        </a:p>
      </dgm:t>
    </dgm:pt>
    <dgm:pt modelId="{B3655B3E-5DDD-4D92-B6DF-1D54A58C53C6}" type="sibTrans" cxnId="{24466299-9E61-41A1-9FD1-96BBFDD1D57F}">
      <dgm:prSet/>
      <dgm:spPr/>
      <dgm:t>
        <a:bodyPr/>
        <a:lstStyle/>
        <a:p>
          <a:endParaRPr lang="it-IT"/>
        </a:p>
      </dgm:t>
    </dgm:pt>
    <dgm:pt modelId="{069E61CE-047B-4F7B-83D4-7BEA320B9F99}">
      <dgm:prSet phldrT="[Testo]"/>
      <dgm:spPr/>
      <dgm:t>
        <a:bodyPr/>
        <a:lstStyle/>
        <a:p>
          <a:r>
            <a:rPr lang="it-IT" dirty="0" smtClean="0"/>
            <a:t>Collaborazione</a:t>
          </a:r>
          <a:endParaRPr lang="it-IT" dirty="0"/>
        </a:p>
      </dgm:t>
    </dgm:pt>
    <dgm:pt modelId="{6ED5EB4C-C284-4FE7-9BA3-03E4F380B543}" type="parTrans" cxnId="{DF66C269-C071-4F10-A79D-991FACF514AA}">
      <dgm:prSet/>
      <dgm:spPr/>
      <dgm:t>
        <a:bodyPr/>
        <a:lstStyle/>
        <a:p>
          <a:endParaRPr lang="it-IT"/>
        </a:p>
      </dgm:t>
    </dgm:pt>
    <dgm:pt modelId="{8057644C-4E0C-4C7A-9596-A6A0F54CEF39}" type="sibTrans" cxnId="{DF66C269-C071-4F10-A79D-991FACF514AA}">
      <dgm:prSet/>
      <dgm:spPr/>
      <dgm:t>
        <a:bodyPr/>
        <a:lstStyle/>
        <a:p>
          <a:endParaRPr lang="it-IT"/>
        </a:p>
      </dgm:t>
    </dgm:pt>
    <dgm:pt modelId="{1B898C52-8B73-4A3E-9EB1-8D39A15A73CC}">
      <dgm:prSet phldrT="[Testo]"/>
      <dgm:spPr/>
      <dgm:t>
        <a:bodyPr/>
        <a:lstStyle/>
        <a:p>
          <a:r>
            <a:rPr lang="it-IT" dirty="0" smtClean="0"/>
            <a:t>Innovazione didattica</a:t>
          </a:r>
          <a:endParaRPr lang="it-IT" dirty="0"/>
        </a:p>
      </dgm:t>
    </dgm:pt>
    <dgm:pt modelId="{D8D23781-F276-4156-A8E3-6626CD03CCF7}" type="parTrans" cxnId="{92FD8298-CA56-449A-8343-3AB639287540}">
      <dgm:prSet/>
      <dgm:spPr/>
      <dgm:t>
        <a:bodyPr/>
        <a:lstStyle/>
        <a:p>
          <a:endParaRPr lang="it-IT"/>
        </a:p>
      </dgm:t>
    </dgm:pt>
    <dgm:pt modelId="{4D533A56-74AF-4ED0-9833-DF9599209331}" type="sibTrans" cxnId="{92FD8298-CA56-449A-8343-3AB639287540}">
      <dgm:prSet/>
      <dgm:spPr/>
      <dgm:t>
        <a:bodyPr/>
        <a:lstStyle/>
        <a:p>
          <a:endParaRPr lang="it-IT"/>
        </a:p>
      </dgm:t>
    </dgm:pt>
    <dgm:pt modelId="{DAC0E8AF-0C9F-4FF0-B2CE-BAB50A961E51}" type="asst">
      <dgm:prSet/>
      <dgm:spPr>
        <a:gradFill rotWithShape="0">
          <a:gsLst>
            <a:gs pos="0">
              <a:srgbClr val="A50021"/>
            </a:gs>
            <a:gs pos="78000">
              <a:srgbClr val="C00000"/>
            </a:gs>
            <a:gs pos="100000">
              <a:srgbClr val="FF0000">
                <a:alpha val="18000"/>
              </a:srgbClr>
            </a:gs>
          </a:gsLst>
        </a:gradFill>
      </dgm:spPr>
      <dgm:t>
        <a:bodyPr/>
        <a:lstStyle/>
        <a:p>
          <a:r>
            <a:rPr lang="it-IT" dirty="0" smtClean="0"/>
            <a:t>Territorio</a:t>
          </a:r>
          <a:endParaRPr lang="it-IT" dirty="0"/>
        </a:p>
      </dgm:t>
    </dgm:pt>
    <dgm:pt modelId="{9738AD27-F672-4067-9A12-7EA003193C47}" type="parTrans" cxnId="{3C6781A8-ED80-456A-B889-EE009CFA02B0}">
      <dgm:prSet/>
      <dgm:spPr/>
      <dgm:t>
        <a:bodyPr/>
        <a:lstStyle/>
        <a:p>
          <a:endParaRPr lang="it-IT"/>
        </a:p>
      </dgm:t>
    </dgm:pt>
    <dgm:pt modelId="{C49879BA-916C-4E21-A7FE-493731C4FF1C}" type="sibTrans" cxnId="{3C6781A8-ED80-456A-B889-EE009CFA02B0}">
      <dgm:prSet/>
      <dgm:spPr/>
      <dgm:t>
        <a:bodyPr/>
        <a:lstStyle/>
        <a:p>
          <a:endParaRPr lang="it-IT"/>
        </a:p>
      </dgm:t>
    </dgm:pt>
    <dgm:pt modelId="{D7EAEB76-A93A-47AA-B6D6-9B84F7C23249}">
      <dgm:prSet/>
      <dgm:spPr/>
      <dgm:t>
        <a:bodyPr/>
        <a:lstStyle/>
        <a:p>
          <a:r>
            <a:rPr lang="it-IT" dirty="0" smtClean="0"/>
            <a:t>Azioni</a:t>
          </a:r>
          <a:endParaRPr lang="it-IT" dirty="0"/>
        </a:p>
      </dgm:t>
    </dgm:pt>
    <dgm:pt modelId="{968DEECF-867C-4004-9BC1-E0370A876897}" type="parTrans" cxnId="{92123FAF-5120-4CA5-A656-BDEA8EC30CF4}">
      <dgm:prSet/>
      <dgm:spPr/>
      <dgm:t>
        <a:bodyPr/>
        <a:lstStyle/>
        <a:p>
          <a:endParaRPr lang="it-IT"/>
        </a:p>
      </dgm:t>
    </dgm:pt>
    <dgm:pt modelId="{F6D05A27-8383-4FD3-9123-448AC34A7B58}" type="sibTrans" cxnId="{92123FAF-5120-4CA5-A656-BDEA8EC30CF4}">
      <dgm:prSet/>
      <dgm:spPr/>
      <dgm:t>
        <a:bodyPr/>
        <a:lstStyle/>
        <a:p>
          <a:endParaRPr lang="it-IT"/>
        </a:p>
      </dgm:t>
    </dgm:pt>
    <dgm:pt modelId="{22626F4D-EF4E-492C-8543-3055B4E9B408}">
      <dgm:prSet/>
      <dgm:spPr/>
      <dgm:t>
        <a:bodyPr/>
        <a:lstStyle/>
        <a:p>
          <a:r>
            <a:rPr lang="it-IT" dirty="0" smtClean="0"/>
            <a:t>Traguardi</a:t>
          </a:r>
          <a:endParaRPr lang="it-IT" dirty="0"/>
        </a:p>
      </dgm:t>
    </dgm:pt>
    <dgm:pt modelId="{BC4F4B30-2C81-4E1F-B68F-DEF1CD2C0547}" type="parTrans" cxnId="{153EB9BE-BBEE-46F9-B86F-B87F4412AC94}">
      <dgm:prSet/>
      <dgm:spPr/>
      <dgm:t>
        <a:bodyPr/>
        <a:lstStyle/>
        <a:p>
          <a:endParaRPr lang="it-IT"/>
        </a:p>
      </dgm:t>
    </dgm:pt>
    <dgm:pt modelId="{8A102000-9D71-4E73-9BA9-156FBE8F3674}" type="sibTrans" cxnId="{153EB9BE-BBEE-46F9-B86F-B87F4412AC94}">
      <dgm:prSet/>
      <dgm:spPr/>
      <dgm:t>
        <a:bodyPr/>
        <a:lstStyle/>
        <a:p>
          <a:endParaRPr lang="it-IT"/>
        </a:p>
      </dgm:t>
    </dgm:pt>
    <dgm:pt modelId="{7C9D7C66-8E02-458D-A680-49383A59409A}">
      <dgm:prSet/>
      <dgm:spPr/>
      <dgm:t>
        <a:bodyPr/>
        <a:lstStyle/>
        <a:p>
          <a:r>
            <a:rPr lang="it-IT" dirty="0" smtClean="0"/>
            <a:t>Obiettivi</a:t>
          </a:r>
          <a:endParaRPr lang="it-IT" dirty="0"/>
        </a:p>
      </dgm:t>
    </dgm:pt>
    <dgm:pt modelId="{073F91ED-B1CF-40DD-9F47-D7B9BFA7C30A}" type="parTrans" cxnId="{AF62E2EA-16C5-4BED-BBD0-5CAC9035FC67}">
      <dgm:prSet/>
      <dgm:spPr/>
      <dgm:t>
        <a:bodyPr/>
        <a:lstStyle/>
        <a:p>
          <a:endParaRPr lang="it-IT"/>
        </a:p>
      </dgm:t>
    </dgm:pt>
    <dgm:pt modelId="{7708C08C-FDCF-45DA-98A6-73C471A96F94}" type="sibTrans" cxnId="{AF62E2EA-16C5-4BED-BBD0-5CAC9035FC67}">
      <dgm:prSet/>
      <dgm:spPr/>
      <dgm:t>
        <a:bodyPr/>
        <a:lstStyle/>
        <a:p>
          <a:endParaRPr lang="it-IT"/>
        </a:p>
      </dgm:t>
    </dgm:pt>
    <dgm:pt modelId="{2C155B3C-EA23-49D8-A99C-0ACD9E90210C}">
      <dgm:prSet/>
      <dgm:spPr/>
      <dgm:t>
        <a:bodyPr/>
        <a:lstStyle/>
        <a:p>
          <a:r>
            <a:rPr lang="it-IT" dirty="0" smtClean="0"/>
            <a:t>Potenziamento didattica laboratoriale</a:t>
          </a:r>
          <a:endParaRPr lang="it-IT" dirty="0"/>
        </a:p>
      </dgm:t>
    </dgm:pt>
    <dgm:pt modelId="{37026DBB-D9FE-4AA3-B19F-CF86D4C41953}" type="parTrans" cxnId="{892E617B-59DF-4B1E-81CF-D8B74FBF2F19}">
      <dgm:prSet/>
      <dgm:spPr/>
      <dgm:t>
        <a:bodyPr/>
        <a:lstStyle/>
        <a:p>
          <a:endParaRPr lang="it-IT"/>
        </a:p>
      </dgm:t>
    </dgm:pt>
    <dgm:pt modelId="{3EAA8215-7806-4D3A-9D09-992F8A90C918}" type="sibTrans" cxnId="{892E617B-59DF-4B1E-81CF-D8B74FBF2F19}">
      <dgm:prSet/>
      <dgm:spPr/>
      <dgm:t>
        <a:bodyPr/>
        <a:lstStyle/>
        <a:p>
          <a:endParaRPr lang="it-IT"/>
        </a:p>
      </dgm:t>
    </dgm:pt>
    <dgm:pt modelId="{E821092C-7D1E-4885-86B3-1A51EB872287}">
      <dgm:prSet/>
      <dgm:spPr/>
      <dgm:t>
        <a:bodyPr/>
        <a:lstStyle/>
        <a:p>
          <a:r>
            <a:rPr lang="it-IT" dirty="0" smtClean="0"/>
            <a:t>Consolidare l’abilità cognitiva</a:t>
          </a:r>
          <a:endParaRPr lang="it-IT" dirty="0"/>
        </a:p>
      </dgm:t>
    </dgm:pt>
    <dgm:pt modelId="{CB52BE8D-AE2E-4F94-B304-04651ED1A4D6}" type="parTrans" cxnId="{9451D478-F0D2-498A-9899-1F63128C7F3D}">
      <dgm:prSet/>
      <dgm:spPr/>
      <dgm:t>
        <a:bodyPr/>
        <a:lstStyle/>
        <a:p>
          <a:endParaRPr lang="it-IT"/>
        </a:p>
      </dgm:t>
    </dgm:pt>
    <dgm:pt modelId="{457DB051-5892-4D43-8EE5-46E76BE86009}" type="sibTrans" cxnId="{9451D478-F0D2-498A-9899-1F63128C7F3D}">
      <dgm:prSet/>
      <dgm:spPr/>
      <dgm:t>
        <a:bodyPr/>
        <a:lstStyle/>
        <a:p>
          <a:endParaRPr lang="it-IT"/>
        </a:p>
      </dgm:t>
    </dgm:pt>
    <dgm:pt modelId="{E75BB696-120F-491F-B36E-20C43431BD7C}">
      <dgm:prSet/>
      <dgm:spPr/>
      <dgm:t>
        <a:bodyPr/>
        <a:lstStyle/>
        <a:p>
          <a:r>
            <a:rPr lang="it-IT" dirty="0" smtClean="0"/>
            <a:t>Utilizzo delle competenze d’indirizzo</a:t>
          </a:r>
          <a:endParaRPr lang="it-IT" dirty="0"/>
        </a:p>
      </dgm:t>
    </dgm:pt>
    <dgm:pt modelId="{A66207EA-931D-441F-B05A-2D697D40DBA7}" type="parTrans" cxnId="{218FC006-5664-433E-9E18-7740DD768DD4}">
      <dgm:prSet/>
      <dgm:spPr/>
      <dgm:t>
        <a:bodyPr/>
        <a:lstStyle/>
        <a:p>
          <a:endParaRPr lang="it-IT"/>
        </a:p>
      </dgm:t>
    </dgm:pt>
    <dgm:pt modelId="{79412C48-1391-432B-9504-B87A4B93EE4D}" type="sibTrans" cxnId="{218FC006-5664-433E-9E18-7740DD768DD4}">
      <dgm:prSet/>
      <dgm:spPr/>
      <dgm:t>
        <a:bodyPr/>
        <a:lstStyle/>
        <a:p>
          <a:endParaRPr lang="it-IT"/>
        </a:p>
      </dgm:t>
    </dgm:pt>
    <dgm:pt modelId="{52344AEB-BB1C-4B5F-87C4-3D99906C965E}" type="pres">
      <dgm:prSet presAssocID="{371DA742-9B64-47F9-AC28-487D7C94F51E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it-IT"/>
        </a:p>
      </dgm:t>
    </dgm:pt>
    <dgm:pt modelId="{D752D43E-D2CA-44C8-AF89-6A34DCC478F0}" type="pres">
      <dgm:prSet presAssocID="{B6E4D502-163E-42C0-93F0-5BD00B167C3C}" presName="hierRoot1" presStyleCnt="0">
        <dgm:presLayoutVars>
          <dgm:hierBranch val="init"/>
        </dgm:presLayoutVars>
      </dgm:prSet>
      <dgm:spPr/>
    </dgm:pt>
    <dgm:pt modelId="{190EB8EE-AF50-401F-9489-50E9A5B85B80}" type="pres">
      <dgm:prSet presAssocID="{B6E4D502-163E-42C0-93F0-5BD00B167C3C}" presName="rootComposite1" presStyleCnt="0"/>
      <dgm:spPr/>
    </dgm:pt>
    <dgm:pt modelId="{B7F051ED-42C1-4544-A4CD-6188B9C468EE}" type="pres">
      <dgm:prSet presAssocID="{B6E4D502-163E-42C0-93F0-5BD00B167C3C}" presName="rootText1" presStyleLbl="node0" presStyleIdx="0" presStyleCnt="1" custScaleX="115580" custScaleY="130734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D46E4DC8-2AB0-46B6-B800-9B5061C2BE9D}" type="pres">
      <dgm:prSet presAssocID="{B6E4D502-163E-42C0-93F0-5BD00B167C3C}" presName="rootConnector1" presStyleLbl="node1" presStyleIdx="0" presStyleCnt="0"/>
      <dgm:spPr/>
      <dgm:t>
        <a:bodyPr/>
        <a:lstStyle/>
        <a:p>
          <a:endParaRPr lang="it-IT"/>
        </a:p>
      </dgm:t>
    </dgm:pt>
    <dgm:pt modelId="{0FE80AAF-F379-4008-8E78-F75404779195}" type="pres">
      <dgm:prSet presAssocID="{B6E4D502-163E-42C0-93F0-5BD00B167C3C}" presName="hierChild2" presStyleCnt="0"/>
      <dgm:spPr/>
    </dgm:pt>
    <dgm:pt modelId="{0E8F539E-F6D1-42B3-9701-01FFAC505114}" type="pres">
      <dgm:prSet presAssocID="{6ED5EB4C-C284-4FE7-9BA3-03E4F380B543}" presName="Name37" presStyleLbl="parChTrans1D2" presStyleIdx="0" presStyleCnt="4"/>
      <dgm:spPr/>
      <dgm:t>
        <a:bodyPr/>
        <a:lstStyle/>
        <a:p>
          <a:endParaRPr lang="it-IT"/>
        </a:p>
      </dgm:t>
    </dgm:pt>
    <dgm:pt modelId="{CE578AA0-363C-46C7-A853-111B4D28D7BB}" type="pres">
      <dgm:prSet presAssocID="{069E61CE-047B-4F7B-83D4-7BEA320B9F99}" presName="hierRoot2" presStyleCnt="0">
        <dgm:presLayoutVars>
          <dgm:hierBranch val="init"/>
        </dgm:presLayoutVars>
      </dgm:prSet>
      <dgm:spPr/>
    </dgm:pt>
    <dgm:pt modelId="{62A5787F-C3F0-4F68-AF96-4AC56F4C399B}" type="pres">
      <dgm:prSet presAssocID="{069E61CE-047B-4F7B-83D4-7BEA320B9F99}" presName="rootComposite" presStyleCnt="0"/>
      <dgm:spPr/>
    </dgm:pt>
    <dgm:pt modelId="{F0DCF5FA-8939-42F2-98B4-7A8FAA0E1CC9}" type="pres">
      <dgm:prSet presAssocID="{069E61CE-047B-4F7B-83D4-7BEA320B9F99}" presName="rootText" presStyleLbl="node2" presStyleIdx="0" presStyleCnt="2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E848DA78-064D-43E3-8A4A-523F566E13D2}" type="pres">
      <dgm:prSet presAssocID="{069E61CE-047B-4F7B-83D4-7BEA320B9F99}" presName="rootConnector" presStyleLbl="node2" presStyleIdx="0" presStyleCnt="2"/>
      <dgm:spPr/>
      <dgm:t>
        <a:bodyPr/>
        <a:lstStyle/>
        <a:p>
          <a:endParaRPr lang="it-IT"/>
        </a:p>
      </dgm:t>
    </dgm:pt>
    <dgm:pt modelId="{4D938DF5-6022-4461-B231-99E31E97109D}" type="pres">
      <dgm:prSet presAssocID="{069E61CE-047B-4F7B-83D4-7BEA320B9F99}" presName="hierChild4" presStyleCnt="0"/>
      <dgm:spPr/>
    </dgm:pt>
    <dgm:pt modelId="{09D8A1A0-C89A-4C32-B98F-0ED869FD0B47}" type="pres">
      <dgm:prSet presAssocID="{069E61CE-047B-4F7B-83D4-7BEA320B9F99}" presName="hierChild5" presStyleCnt="0"/>
      <dgm:spPr/>
    </dgm:pt>
    <dgm:pt modelId="{1FACF0EB-287E-4449-BA5F-3890558715CE}" type="pres">
      <dgm:prSet presAssocID="{D8D23781-F276-4156-A8E3-6626CD03CCF7}" presName="Name37" presStyleLbl="parChTrans1D2" presStyleIdx="1" presStyleCnt="4"/>
      <dgm:spPr/>
      <dgm:t>
        <a:bodyPr/>
        <a:lstStyle/>
        <a:p>
          <a:endParaRPr lang="it-IT"/>
        </a:p>
      </dgm:t>
    </dgm:pt>
    <dgm:pt modelId="{F4064A0F-F3C3-4609-B1BF-8075CAC4D296}" type="pres">
      <dgm:prSet presAssocID="{1B898C52-8B73-4A3E-9EB1-8D39A15A73CC}" presName="hierRoot2" presStyleCnt="0">
        <dgm:presLayoutVars>
          <dgm:hierBranch/>
        </dgm:presLayoutVars>
      </dgm:prSet>
      <dgm:spPr/>
    </dgm:pt>
    <dgm:pt modelId="{4105940F-EF2E-41C6-837E-14A4CFD5C5D5}" type="pres">
      <dgm:prSet presAssocID="{1B898C52-8B73-4A3E-9EB1-8D39A15A73CC}" presName="rootComposite" presStyleCnt="0"/>
      <dgm:spPr/>
    </dgm:pt>
    <dgm:pt modelId="{1BB45B73-B92C-4D36-BA5D-C2BFE20BE6B2}" type="pres">
      <dgm:prSet presAssocID="{1B898C52-8B73-4A3E-9EB1-8D39A15A73CC}" presName="rootText" presStyleLbl="node2" presStyleIdx="1" presStyleCnt="2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070B10DB-6483-4949-9390-D7F7A1784CFC}" type="pres">
      <dgm:prSet presAssocID="{1B898C52-8B73-4A3E-9EB1-8D39A15A73CC}" presName="rootConnector" presStyleLbl="node2" presStyleIdx="1" presStyleCnt="2"/>
      <dgm:spPr/>
      <dgm:t>
        <a:bodyPr/>
        <a:lstStyle/>
        <a:p>
          <a:endParaRPr lang="it-IT"/>
        </a:p>
      </dgm:t>
    </dgm:pt>
    <dgm:pt modelId="{E9F9BA0D-971D-4C7F-92F8-81AD9D702FBB}" type="pres">
      <dgm:prSet presAssocID="{1B898C52-8B73-4A3E-9EB1-8D39A15A73CC}" presName="hierChild4" presStyleCnt="0"/>
      <dgm:spPr/>
    </dgm:pt>
    <dgm:pt modelId="{95EF5ED4-1E93-4CD7-8FD1-29F50F44D88B}" type="pres">
      <dgm:prSet presAssocID="{968DEECF-867C-4004-9BC1-E0370A876897}" presName="Name35" presStyleLbl="parChTrans1D3" presStyleIdx="0" presStyleCnt="3"/>
      <dgm:spPr/>
      <dgm:t>
        <a:bodyPr/>
        <a:lstStyle/>
        <a:p>
          <a:endParaRPr lang="it-IT"/>
        </a:p>
      </dgm:t>
    </dgm:pt>
    <dgm:pt modelId="{0987656C-DA13-4E52-9C45-8584CE6E7CD1}" type="pres">
      <dgm:prSet presAssocID="{D7EAEB76-A93A-47AA-B6D6-9B84F7C23249}" presName="hierRoot2" presStyleCnt="0">
        <dgm:presLayoutVars>
          <dgm:hierBranch val="init"/>
        </dgm:presLayoutVars>
      </dgm:prSet>
      <dgm:spPr/>
    </dgm:pt>
    <dgm:pt modelId="{F187C229-308F-497D-9E16-7D6AF2D8183F}" type="pres">
      <dgm:prSet presAssocID="{D7EAEB76-A93A-47AA-B6D6-9B84F7C23249}" presName="rootComposite" presStyleCnt="0"/>
      <dgm:spPr/>
    </dgm:pt>
    <dgm:pt modelId="{122AF800-94D4-4C60-95D9-5720FACF6F3E}" type="pres">
      <dgm:prSet presAssocID="{D7EAEB76-A93A-47AA-B6D6-9B84F7C23249}" presName="rootText" presStyleLbl="node3" presStyleIdx="0" presStyleCnt="3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7C66C86C-CCB6-42D1-83D1-A06E521EF418}" type="pres">
      <dgm:prSet presAssocID="{D7EAEB76-A93A-47AA-B6D6-9B84F7C23249}" presName="rootConnector" presStyleLbl="node3" presStyleIdx="0" presStyleCnt="3"/>
      <dgm:spPr/>
      <dgm:t>
        <a:bodyPr/>
        <a:lstStyle/>
        <a:p>
          <a:endParaRPr lang="it-IT"/>
        </a:p>
      </dgm:t>
    </dgm:pt>
    <dgm:pt modelId="{9617362C-0DA2-4CED-85DB-970E54133D64}" type="pres">
      <dgm:prSet presAssocID="{D7EAEB76-A93A-47AA-B6D6-9B84F7C23249}" presName="hierChild4" presStyleCnt="0"/>
      <dgm:spPr/>
    </dgm:pt>
    <dgm:pt modelId="{5AEE1469-30DF-470D-B23A-7291EBF7B844}" type="pres">
      <dgm:prSet presAssocID="{D7EAEB76-A93A-47AA-B6D6-9B84F7C23249}" presName="hierChild5" presStyleCnt="0"/>
      <dgm:spPr/>
    </dgm:pt>
    <dgm:pt modelId="{7F2AB88B-AA1D-4C05-BDEB-CD5CF355F11A}" type="pres">
      <dgm:prSet presAssocID="{BC4F4B30-2C81-4E1F-B68F-DEF1CD2C0547}" presName="Name35" presStyleLbl="parChTrans1D3" presStyleIdx="1" presStyleCnt="3"/>
      <dgm:spPr/>
      <dgm:t>
        <a:bodyPr/>
        <a:lstStyle/>
        <a:p>
          <a:endParaRPr lang="it-IT"/>
        </a:p>
      </dgm:t>
    </dgm:pt>
    <dgm:pt modelId="{EB4EA430-17E9-455D-8A6B-92D05F3107C6}" type="pres">
      <dgm:prSet presAssocID="{22626F4D-EF4E-492C-8543-3055B4E9B408}" presName="hierRoot2" presStyleCnt="0">
        <dgm:presLayoutVars>
          <dgm:hierBranch val="init"/>
        </dgm:presLayoutVars>
      </dgm:prSet>
      <dgm:spPr/>
    </dgm:pt>
    <dgm:pt modelId="{D033D9D9-FF53-4675-AEA1-5AC25E62C120}" type="pres">
      <dgm:prSet presAssocID="{22626F4D-EF4E-492C-8543-3055B4E9B408}" presName="rootComposite" presStyleCnt="0"/>
      <dgm:spPr/>
    </dgm:pt>
    <dgm:pt modelId="{440A80E1-9375-489F-9B3A-F6339A1CBC04}" type="pres">
      <dgm:prSet presAssocID="{22626F4D-EF4E-492C-8543-3055B4E9B408}" presName="rootText" presStyleLbl="node3" presStyleIdx="1" presStyleCnt="3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8645EBAA-97F3-414C-B0E2-C7882BEB8970}" type="pres">
      <dgm:prSet presAssocID="{22626F4D-EF4E-492C-8543-3055B4E9B408}" presName="rootConnector" presStyleLbl="node3" presStyleIdx="1" presStyleCnt="3"/>
      <dgm:spPr/>
      <dgm:t>
        <a:bodyPr/>
        <a:lstStyle/>
        <a:p>
          <a:endParaRPr lang="it-IT"/>
        </a:p>
      </dgm:t>
    </dgm:pt>
    <dgm:pt modelId="{A6C0463D-9EE1-4CBE-8DD2-3F6420F73B0E}" type="pres">
      <dgm:prSet presAssocID="{22626F4D-EF4E-492C-8543-3055B4E9B408}" presName="hierChild4" presStyleCnt="0"/>
      <dgm:spPr/>
    </dgm:pt>
    <dgm:pt modelId="{AB8891E9-B042-4D72-B0CB-3B3F2A9D6FB2}" type="pres">
      <dgm:prSet presAssocID="{22626F4D-EF4E-492C-8543-3055B4E9B408}" presName="hierChild5" presStyleCnt="0"/>
      <dgm:spPr/>
    </dgm:pt>
    <dgm:pt modelId="{F7A52349-AAF8-4EA0-8CC5-509D5939F3C0}" type="pres">
      <dgm:prSet presAssocID="{073F91ED-B1CF-40DD-9F47-D7B9BFA7C30A}" presName="Name35" presStyleLbl="parChTrans1D3" presStyleIdx="2" presStyleCnt="3"/>
      <dgm:spPr/>
      <dgm:t>
        <a:bodyPr/>
        <a:lstStyle/>
        <a:p>
          <a:endParaRPr lang="it-IT"/>
        </a:p>
      </dgm:t>
    </dgm:pt>
    <dgm:pt modelId="{C7F1B890-4786-44FB-9CF2-2E46F0915C8A}" type="pres">
      <dgm:prSet presAssocID="{7C9D7C66-8E02-458D-A680-49383A59409A}" presName="hierRoot2" presStyleCnt="0">
        <dgm:presLayoutVars>
          <dgm:hierBranch/>
        </dgm:presLayoutVars>
      </dgm:prSet>
      <dgm:spPr/>
    </dgm:pt>
    <dgm:pt modelId="{0A882DD8-0756-4506-ABC4-21E0C23E346E}" type="pres">
      <dgm:prSet presAssocID="{7C9D7C66-8E02-458D-A680-49383A59409A}" presName="rootComposite" presStyleCnt="0"/>
      <dgm:spPr/>
    </dgm:pt>
    <dgm:pt modelId="{A5F99CA6-59A6-4607-B6B0-827CE54B284F}" type="pres">
      <dgm:prSet presAssocID="{7C9D7C66-8E02-458D-A680-49383A59409A}" presName="rootText" presStyleLbl="node3" presStyleIdx="2" presStyleCnt="3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917334AC-52F6-4CF9-8CE6-85FA905DC908}" type="pres">
      <dgm:prSet presAssocID="{7C9D7C66-8E02-458D-A680-49383A59409A}" presName="rootConnector" presStyleLbl="node3" presStyleIdx="2" presStyleCnt="3"/>
      <dgm:spPr/>
      <dgm:t>
        <a:bodyPr/>
        <a:lstStyle/>
        <a:p>
          <a:endParaRPr lang="it-IT"/>
        </a:p>
      </dgm:t>
    </dgm:pt>
    <dgm:pt modelId="{964BF198-5576-40F3-9148-C1B3FFB06643}" type="pres">
      <dgm:prSet presAssocID="{7C9D7C66-8E02-458D-A680-49383A59409A}" presName="hierChild4" presStyleCnt="0"/>
      <dgm:spPr/>
    </dgm:pt>
    <dgm:pt modelId="{A8A6CDA0-6277-451D-BB5F-6844245793EB}" type="pres">
      <dgm:prSet presAssocID="{37026DBB-D9FE-4AA3-B19F-CF86D4C41953}" presName="Name35" presStyleLbl="parChTrans1D4" presStyleIdx="0" presStyleCnt="3"/>
      <dgm:spPr/>
      <dgm:t>
        <a:bodyPr/>
        <a:lstStyle/>
        <a:p>
          <a:endParaRPr lang="it-IT"/>
        </a:p>
      </dgm:t>
    </dgm:pt>
    <dgm:pt modelId="{A4D042A4-E82D-401E-8FB9-858D63E9B848}" type="pres">
      <dgm:prSet presAssocID="{2C155B3C-EA23-49D8-A99C-0ACD9E90210C}" presName="hierRoot2" presStyleCnt="0">
        <dgm:presLayoutVars>
          <dgm:hierBranch/>
        </dgm:presLayoutVars>
      </dgm:prSet>
      <dgm:spPr/>
    </dgm:pt>
    <dgm:pt modelId="{847BF983-B9F8-458D-A5BE-3F19ACDA6646}" type="pres">
      <dgm:prSet presAssocID="{2C155B3C-EA23-49D8-A99C-0ACD9E90210C}" presName="rootComposite" presStyleCnt="0"/>
      <dgm:spPr/>
    </dgm:pt>
    <dgm:pt modelId="{E1A1D4F0-6F03-44FE-9C0A-3D6325268DC7}" type="pres">
      <dgm:prSet presAssocID="{2C155B3C-EA23-49D8-A99C-0ACD9E90210C}" presName="rootText" presStyleLbl="node4" presStyleIdx="0" presStyleCnt="3" custScaleY="116625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529EFEA1-A5AB-4931-803B-E67D7824DAF1}" type="pres">
      <dgm:prSet presAssocID="{2C155B3C-EA23-49D8-A99C-0ACD9E90210C}" presName="rootConnector" presStyleLbl="node4" presStyleIdx="0" presStyleCnt="3"/>
      <dgm:spPr/>
      <dgm:t>
        <a:bodyPr/>
        <a:lstStyle/>
        <a:p>
          <a:endParaRPr lang="it-IT"/>
        </a:p>
      </dgm:t>
    </dgm:pt>
    <dgm:pt modelId="{509820DF-5224-44BE-A127-654BCE1ED26D}" type="pres">
      <dgm:prSet presAssocID="{2C155B3C-EA23-49D8-A99C-0ACD9E90210C}" presName="hierChild4" presStyleCnt="0"/>
      <dgm:spPr/>
    </dgm:pt>
    <dgm:pt modelId="{33882EA7-67EC-4728-8EC5-8ED6BB96418B}" type="pres">
      <dgm:prSet presAssocID="{2C155B3C-EA23-49D8-A99C-0ACD9E90210C}" presName="hierChild5" presStyleCnt="0"/>
      <dgm:spPr/>
    </dgm:pt>
    <dgm:pt modelId="{E69EED57-C970-4A7A-88B8-65831C44A5B2}" type="pres">
      <dgm:prSet presAssocID="{CB52BE8D-AE2E-4F94-B304-04651ED1A4D6}" presName="Name35" presStyleLbl="parChTrans1D4" presStyleIdx="1" presStyleCnt="3"/>
      <dgm:spPr/>
      <dgm:t>
        <a:bodyPr/>
        <a:lstStyle/>
        <a:p>
          <a:endParaRPr lang="it-IT"/>
        </a:p>
      </dgm:t>
    </dgm:pt>
    <dgm:pt modelId="{11C7C830-2A0A-4030-B386-6B7BABFBD5DB}" type="pres">
      <dgm:prSet presAssocID="{E821092C-7D1E-4885-86B3-1A51EB872287}" presName="hierRoot2" presStyleCnt="0">
        <dgm:presLayoutVars>
          <dgm:hierBranch val="init"/>
        </dgm:presLayoutVars>
      </dgm:prSet>
      <dgm:spPr/>
    </dgm:pt>
    <dgm:pt modelId="{8E796A89-6000-4FB0-9416-8833AB92E8AF}" type="pres">
      <dgm:prSet presAssocID="{E821092C-7D1E-4885-86B3-1A51EB872287}" presName="rootComposite" presStyleCnt="0"/>
      <dgm:spPr/>
    </dgm:pt>
    <dgm:pt modelId="{04923AD8-624C-4982-ACE1-057CA6297B4D}" type="pres">
      <dgm:prSet presAssocID="{E821092C-7D1E-4885-86B3-1A51EB872287}" presName="rootText" presStyleLbl="node4" presStyleIdx="1" presStyleCnt="3" custScaleY="116608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8C97702B-EAE2-4F51-8D07-0789C3373FC3}" type="pres">
      <dgm:prSet presAssocID="{E821092C-7D1E-4885-86B3-1A51EB872287}" presName="rootConnector" presStyleLbl="node4" presStyleIdx="1" presStyleCnt="3"/>
      <dgm:spPr/>
      <dgm:t>
        <a:bodyPr/>
        <a:lstStyle/>
        <a:p>
          <a:endParaRPr lang="it-IT"/>
        </a:p>
      </dgm:t>
    </dgm:pt>
    <dgm:pt modelId="{363FE95D-B17E-45ED-95D4-A8B8A36C393E}" type="pres">
      <dgm:prSet presAssocID="{E821092C-7D1E-4885-86B3-1A51EB872287}" presName="hierChild4" presStyleCnt="0"/>
      <dgm:spPr/>
    </dgm:pt>
    <dgm:pt modelId="{E6398BFE-6547-4C3B-ACEC-01C53F8DCE68}" type="pres">
      <dgm:prSet presAssocID="{E821092C-7D1E-4885-86B3-1A51EB872287}" presName="hierChild5" presStyleCnt="0"/>
      <dgm:spPr/>
    </dgm:pt>
    <dgm:pt modelId="{39AEFC41-F590-445E-B0C0-071810C82C35}" type="pres">
      <dgm:prSet presAssocID="{A66207EA-931D-441F-B05A-2D697D40DBA7}" presName="Name35" presStyleLbl="parChTrans1D4" presStyleIdx="2" presStyleCnt="3"/>
      <dgm:spPr/>
      <dgm:t>
        <a:bodyPr/>
        <a:lstStyle/>
        <a:p>
          <a:endParaRPr lang="it-IT"/>
        </a:p>
      </dgm:t>
    </dgm:pt>
    <dgm:pt modelId="{DBED760C-284D-452F-9748-4A19946E6DB1}" type="pres">
      <dgm:prSet presAssocID="{E75BB696-120F-491F-B36E-20C43431BD7C}" presName="hierRoot2" presStyleCnt="0">
        <dgm:presLayoutVars>
          <dgm:hierBranch val="init"/>
        </dgm:presLayoutVars>
      </dgm:prSet>
      <dgm:spPr/>
    </dgm:pt>
    <dgm:pt modelId="{D7F1DB64-7F8C-4754-A3F0-0B4F239EF5FC}" type="pres">
      <dgm:prSet presAssocID="{E75BB696-120F-491F-B36E-20C43431BD7C}" presName="rootComposite" presStyleCnt="0"/>
      <dgm:spPr/>
    </dgm:pt>
    <dgm:pt modelId="{3F7FCF97-5B32-401A-A100-C5620C5A62A0}" type="pres">
      <dgm:prSet presAssocID="{E75BB696-120F-491F-B36E-20C43431BD7C}" presName="rootText" presStyleLbl="node4" presStyleIdx="2" presStyleCnt="3" custScaleY="116608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4F4F9DC3-5B9B-4F61-8E4A-88422D61D3D5}" type="pres">
      <dgm:prSet presAssocID="{E75BB696-120F-491F-B36E-20C43431BD7C}" presName="rootConnector" presStyleLbl="node4" presStyleIdx="2" presStyleCnt="3"/>
      <dgm:spPr/>
      <dgm:t>
        <a:bodyPr/>
        <a:lstStyle/>
        <a:p>
          <a:endParaRPr lang="it-IT"/>
        </a:p>
      </dgm:t>
    </dgm:pt>
    <dgm:pt modelId="{C443FF6F-7ACC-44C8-8B16-310D774E4581}" type="pres">
      <dgm:prSet presAssocID="{E75BB696-120F-491F-B36E-20C43431BD7C}" presName="hierChild4" presStyleCnt="0"/>
      <dgm:spPr/>
    </dgm:pt>
    <dgm:pt modelId="{5EA8BA3C-02F8-41EB-8044-638A88B9345B}" type="pres">
      <dgm:prSet presAssocID="{E75BB696-120F-491F-B36E-20C43431BD7C}" presName="hierChild5" presStyleCnt="0"/>
      <dgm:spPr/>
    </dgm:pt>
    <dgm:pt modelId="{C7AEBEF0-A3BC-465D-AAC5-362148937CA9}" type="pres">
      <dgm:prSet presAssocID="{7C9D7C66-8E02-458D-A680-49383A59409A}" presName="hierChild5" presStyleCnt="0"/>
      <dgm:spPr/>
    </dgm:pt>
    <dgm:pt modelId="{F26E70F1-3BF6-452A-B093-CD0C5F506883}" type="pres">
      <dgm:prSet presAssocID="{1B898C52-8B73-4A3E-9EB1-8D39A15A73CC}" presName="hierChild5" presStyleCnt="0"/>
      <dgm:spPr/>
    </dgm:pt>
    <dgm:pt modelId="{A45E306D-6C11-4E8D-8060-38DDCC9417B3}" type="pres">
      <dgm:prSet presAssocID="{B6E4D502-163E-42C0-93F0-5BD00B167C3C}" presName="hierChild3" presStyleCnt="0"/>
      <dgm:spPr/>
    </dgm:pt>
    <dgm:pt modelId="{EA181079-C778-4F4D-96B5-CD6B84DD0FC4}" type="pres">
      <dgm:prSet presAssocID="{05B4BAEC-6AF4-4981-B6D2-A0F4E6531040}" presName="Name111" presStyleLbl="parChTrans1D2" presStyleIdx="2" presStyleCnt="4"/>
      <dgm:spPr/>
      <dgm:t>
        <a:bodyPr/>
        <a:lstStyle/>
        <a:p>
          <a:endParaRPr lang="it-IT"/>
        </a:p>
      </dgm:t>
    </dgm:pt>
    <dgm:pt modelId="{DAAB8364-462E-4988-BE40-0CBA842E5337}" type="pres">
      <dgm:prSet presAssocID="{CAE0AFCB-63BB-4B44-BFA1-099E64AD13DF}" presName="hierRoot3" presStyleCnt="0">
        <dgm:presLayoutVars>
          <dgm:hierBranch val="init"/>
        </dgm:presLayoutVars>
      </dgm:prSet>
      <dgm:spPr/>
    </dgm:pt>
    <dgm:pt modelId="{274211C4-064E-45C7-91CE-9B06A5B47ABB}" type="pres">
      <dgm:prSet presAssocID="{CAE0AFCB-63BB-4B44-BFA1-099E64AD13DF}" presName="rootComposite3" presStyleCnt="0"/>
      <dgm:spPr/>
    </dgm:pt>
    <dgm:pt modelId="{6022F658-2437-4F5C-9F02-4DC6139C39C9}" type="pres">
      <dgm:prSet presAssocID="{CAE0AFCB-63BB-4B44-BFA1-099E64AD13DF}" presName="rootText3" presStyleLbl="asst1" presStyleIdx="0" presStyleCnt="2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5AB8124D-AD0F-4F60-9B41-30740A839523}" type="pres">
      <dgm:prSet presAssocID="{CAE0AFCB-63BB-4B44-BFA1-099E64AD13DF}" presName="rootConnector3" presStyleLbl="asst1" presStyleIdx="0" presStyleCnt="2"/>
      <dgm:spPr/>
      <dgm:t>
        <a:bodyPr/>
        <a:lstStyle/>
        <a:p>
          <a:endParaRPr lang="it-IT"/>
        </a:p>
      </dgm:t>
    </dgm:pt>
    <dgm:pt modelId="{355D564D-3F99-46D6-A892-F13ACD8A9A98}" type="pres">
      <dgm:prSet presAssocID="{CAE0AFCB-63BB-4B44-BFA1-099E64AD13DF}" presName="hierChild6" presStyleCnt="0"/>
      <dgm:spPr/>
    </dgm:pt>
    <dgm:pt modelId="{6D0D8E0A-1D90-4CC5-979D-9CDC7146F619}" type="pres">
      <dgm:prSet presAssocID="{CAE0AFCB-63BB-4B44-BFA1-099E64AD13DF}" presName="hierChild7" presStyleCnt="0"/>
      <dgm:spPr/>
    </dgm:pt>
    <dgm:pt modelId="{8AC9D5AC-FCB2-416C-8076-00F273068247}" type="pres">
      <dgm:prSet presAssocID="{9738AD27-F672-4067-9A12-7EA003193C47}" presName="Name111" presStyleLbl="parChTrans1D2" presStyleIdx="3" presStyleCnt="4"/>
      <dgm:spPr/>
      <dgm:t>
        <a:bodyPr/>
        <a:lstStyle/>
        <a:p>
          <a:endParaRPr lang="it-IT"/>
        </a:p>
      </dgm:t>
    </dgm:pt>
    <dgm:pt modelId="{1AF73C00-8C4E-434C-9747-417195BD6B69}" type="pres">
      <dgm:prSet presAssocID="{DAC0E8AF-0C9F-4FF0-B2CE-BAB50A961E51}" presName="hierRoot3" presStyleCnt="0">
        <dgm:presLayoutVars>
          <dgm:hierBranch val="init"/>
        </dgm:presLayoutVars>
      </dgm:prSet>
      <dgm:spPr/>
    </dgm:pt>
    <dgm:pt modelId="{31E1D63C-6CF6-4D56-8597-58A93BE0F3E6}" type="pres">
      <dgm:prSet presAssocID="{DAC0E8AF-0C9F-4FF0-B2CE-BAB50A961E51}" presName="rootComposite3" presStyleCnt="0"/>
      <dgm:spPr/>
    </dgm:pt>
    <dgm:pt modelId="{802843A2-717F-4C47-A8AF-77F226AE35E8}" type="pres">
      <dgm:prSet presAssocID="{DAC0E8AF-0C9F-4FF0-B2CE-BAB50A961E51}" presName="rootText3" presStyleLbl="asst1" presStyleIdx="1" presStyleCnt="2">
        <dgm:presLayoutVars>
          <dgm:chPref val="3"/>
        </dgm:presLayoutVars>
      </dgm:prSet>
      <dgm:spPr/>
      <dgm:t>
        <a:bodyPr/>
        <a:lstStyle/>
        <a:p>
          <a:endParaRPr lang="it-IT"/>
        </a:p>
      </dgm:t>
    </dgm:pt>
    <dgm:pt modelId="{4DC8E5C4-46D7-4DD0-B0B5-69E2706AE9E4}" type="pres">
      <dgm:prSet presAssocID="{DAC0E8AF-0C9F-4FF0-B2CE-BAB50A961E51}" presName="rootConnector3" presStyleLbl="asst1" presStyleIdx="1" presStyleCnt="2"/>
      <dgm:spPr/>
      <dgm:t>
        <a:bodyPr/>
        <a:lstStyle/>
        <a:p>
          <a:endParaRPr lang="it-IT"/>
        </a:p>
      </dgm:t>
    </dgm:pt>
    <dgm:pt modelId="{ED82F363-600F-4746-9634-5E886ED68E64}" type="pres">
      <dgm:prSet presAssocID="{DAC0E8AF-0C9F-4FF0-B2CE-BAB50A961E51}" presName="hierChild6" presStyleCnt="0"/>
      <dgm:spPr/>
    </dgm:pt>
    <dgm:pt modelId="{9F9FE6A5-D869-4908-9241-C1ACE3AD3D28}" type="pres">
      <dgm:prSet presAssocID="{DAC0E8AF-0C9F-4FF0-B2CE-BAB50A961E51}" presName="hierChild7" presStyleCnt="0"/>
      <dgm:spPr/>
    </dgm:pt>
  </dgm:ptLst>
  <dgm:cxnLst>
    <dgm:cxn modelId="{1C7185A4-51F3-4FF4-8DA6-FBFB3C227629}" type="presOf" srcId="{073F91ED-B1CF-40DD-9F47-D7B9BFA7C30A}" destId="{F7A52349-AAF8-4EA0-8CC5-509D5939F3C0}" srcOrd="0" destOrd="0" presId="urn:microsoft.com/office/officeart/2005/8/layout/orgChart1"/>
    <dgm:cxn modelId="{0FCC1F86-4B42-41F9-88B3-C1BA6EC05BD8}" type="presOf" srcId="{2C155B3C-EA23-49D8-A99C-0ACD9E90210C}" destId="{529EFEA1-A5AB-4931-803B-E67D7824DAF1}" srcOrd="1" destOrd="0" presId="urn:microsoft.com/office/officeart/2005/8/layout/orgChart1"/>
    <dgm:cxn modelId="{288E5084-7940-48CE-843F-08887577BCE7}" type="presOf" srcId="{22626F4D-EF4E-492C-8543-3055B4E9B408}" destId="{8645EBAA-97F3-414C-B0E2-C7882BEB8970}" srcOrd="1" destOrd="0" presId="urn:microsoft.com/office/officeart/2005/8/layout/orgChart1"/>
    <dgm:cxn modelId="{CC068B56-BD91-428C-A3B1-C47CCE6FE2E4}" type="presOf" srcId="{D7EAEB76-A93A-47AA-B6D6-9B84F7C23249}" destId="{7C66C86C-CCB6-42D1-83D1-A06E521EF418}" srcOrd="1" destOrd="0" presId="urn:microsoft.com/office/officeart/2005/8/layout/orgChart1"/>
    <dgm:cxn modelId="{DF66C269-C071-4F10-A79D-991FACF514AA}" srcId="{B6E4D502-163E-42C0-93F0-5BD00B167C3C}" destId="{069E61CE-047B-4F7B-83D4-7BEA320B9F99}" srcOrd="1" destOrd="0" parTransId="{6ED5EB4C-C284-4FE7-9BA3-03E4F380B543}" sibTransId="{8057644C-4E0C-4C7A-9596-A6A0F54CEF39}"/>
    <dgm:cxn modelId="{F423B412-5C1D-453A-9F47-43AA08D60B25}" type="presOf" srcId="{B6E4D502-163E-42C0-93F0-5BD00B167C3C}" destId="{B7F051ED-42C1-4544-A4CD-6188B9C468EE}" srcOrd="0" destOrd="0" presId="urn:microsoft.com/office/officeart/2005/8/layout/orgChart1"/>
    <dgm:cxn modelId="{9451D478-F0D2-498A-9899-1F63128C7F3D}" srcId="{7C9D7C66-8E02-458D-A680-49383A59409A}" destId="{E821092C-7D1E-4885-86B3-1A51EB872287}" srcOrd="1" destOrd="0" parTransId="{CB52BE8D-AE2E-4F94-B304-04651ED1A4D6}" sibTransId="{457DB051-5892-4D43-8EE5-46E76BE86009}"/>
    <dgm:cxn modelId="{8EF2BC6C-4025-445D-8D58-C4BB4BC6207C}" type="presOf" srcId="{D7EAEB76-A93A-47AA-B6D6-9B84F7C23249}" destId="{122AF800-94D4-4C60-95D9-5720FACF6F3E}" srcOrd="0" destOrd="0" presId="urn:microsoft.com/office/officeart/2005/8/layout/orgChart1"/>
    <dgm:cxn modelId="{24466299-9E61-41A1-9FD1-96BBFDD1D57F}" srcId="{B6E4D502-163E-42C0-93F0-5BD00B167C3C}" destId="{CAE0AFCB-63BB-4B44-BFA1-099E64AD13DF}" srcOrd="0" destOrd="0" parTransId="{05B4BAEC-6AF4-4981-B6D2-A0F4E6531040}" sibTransId="{B3655B3E-5DDD-4D92-B6DF-1D54A58C53C6}"/>
    <dgm:cxn modelId="{15736A75-7133-414E-8F03-EB5264CE2D99}" type="presOf" srcId="{7C9D7C66-8E02-458D-A680-49383A59409A}" destId="{A5F99CA6-59A6-4607-B6B0-827CE54B284F}" srcOrd="0" destOrd="0" presId="urn:microsoft.com/office/officeart/2005/8/layout/orgChart1"/>
    <dgm:cxn modelId="{4159485C-D33C-4990-B513-A68D3AD94D34}" type="presOf" srcId="{1B898C52-8B73-4A3E-9EB1-8D39A15A73CC}" destId="{1BB45B73-B92C-4D36-BA5D-C2BFE20BE6B2}" srcOrd="0" destOrd="0" presId="urn:microsoft.com/office/officeart/2005/8/layout/orgChart1"/>
    <dgm:cxn modelId="{92123FAF-5120-4CA5-A656-BDEA8EC30CF4}" srcId="{1B898C52-8B73-4A3E-9EB1-8D39A15A73CC}" destId="{D7EAEB76-A93A-47AA-B6D6-9B84F7C23249}" srcOrd="0" destOrd="0" parTransId="{968DEECF-867C-4004-9BC1-E0370A876897}" sibTransId="{F6D05A27-8383-4FD3-9123-448AC34A7B58}"/>
    <dgm:cxn modelId="{44B94E97-0247-4B20-A1CE-539B73F32207}" srcId="{371DA742-9B64-47F9-AC28-487D7C94F51E}" destId="{B6E4D502-163E-42C0-93F0-5BD00B167C3C}" srcOrd="0" destOrd="0" parTransId="{DE3B9001-8AEE-4A72-A730-5699AFE4EB19}" sibTransId="{AAFD4193-E2F3-4611-92D2-846839BFA735}"/>
    <dgm:cxn modelId="{DBE665D7-0C6E-49FB-B48F-0B67BE9B306B}" type="presOf" srcId="{968DEECF-867C-4004-9BC1-E0370A876897}" destId="{95EF5ED4-1E93-4CD7-8FD1-29F50F44D88B}" srcOrd="0" destOrd="0" presId="urn:microsoft.com/office/officeart/2005/8/layout/orgChart1"/>
    <dgm:cxn modelId="{218FC006-5664-433E-9E18-7740DD768DD4}" srcId="{7C9D7C66-8E02-458D-A680-49383A59409A}" destId="{E75BB696-120F-491F-B36E-20C43431BD7C}" srcOrd="2" destOrd="0" parTransId="{A66207EA-931D-441F-B05A-2D697D40DBA7}" sibTransId="{79412C48-1391-432B-9504-B87A4B93EE4D}"/>
    <dgm:cxn modelId="{AF62E2EA-16C5-4BED-BBD0-5CAC9035FC67}" srcId="{1B898C52-8B73-4A3E-9EB1-8D39A15A73CC}" destId="{7C9D7C66-8E02-458D-A680-49383A59409A}" srcOrd="2" destOrd="0" parTransId="{073F91ED-B1CF-40DD-9F47-D7B9BFA7C30A}" sibTransId="{7708C08C-FDCF-45DA-98A6-73C471A96F94}"/>
    <dgm:cxn modelId="{650C5015-8286-40B1-8AAC-31E902B89741}" type="presOf" srcId="{E75BB696-120F-491F-B36E-20C43431BD7C}" destId="{3F7FCF97-5B32-401A-A100-C5620C5A62A0}" srcOrd="0" destOrd="0" presId="urn:microsoft.com/office/officeart/2005/8/layout/orgChart1"/>
    <dgm:cxn modelId="{892E617B-59DF-4B1E-81CF-D8B74FBF2F19}" srcId="{7C9D7C66-8E02-458D-A680-49383A59409A}" destId="{2C155B3C-EA23-49D8-A99C-0ACD9E90210C}" srcOrd="0" destOrd="0" parTransId="{37026DBB-D9FE-4AA3-B19F-CF86D4C41953}" sibTransId="{3EAA8215-7806-4D3A-9D09-992F8A90C918}"/>
    <dgm:cxn modelId="{C44A1B13-E7E2-419A-9307-8B0F6FDD9DA9}" type="presOf" srcId="{2C155B3C-EA23-49D8-A99C-0ACD9E90210C}" destId="{E1A1D4F0-6F03-44FE-9C0A-3D6325268DC7}" srcOrd="0" destOrd="0" presId="urn:microsoft.com/office/officeart/2005/8/layout/orgChart1"/>
    <dgm:cxn modelId="{9BC08328-A84C-404C-89CF-29C7A94784C2}" type="presOf" srcId="{E75BB696-120F-491F-B36E-20C43431BD7C}" destId="{4F4F9DC3-5B9B-4F61-8E4A-88422D61D3D5}" srcOrd="1" destOrd="0" presId="urn:microsoft.com/office/officeart/2005/8/layout/orgChart1"/>
    <dgm:cxn modelId="{9DCB6B9B-7985-4C50-93AB-9506FC09E7E9}" type="presOf" srcId="{DAC0E8AF-0C9F-4FF0-B2CE-BAB50A961E51}" destId="{802843A2-717F-4C47-A8AF-77F226AE35E8}" srcOrd="0" destOrd="0" presId="urn:microsoft.com/office/officeart/2005/8/layout/orgChart1"/>
    <dgm:cxn modelId="{96E153B7-F6F7-459D-99EA-9D60FF973385}" type="presOf" srcId="{22626F4D-EF4E-492C-8543-3055B4E9B408}" destId="{440A80E1-9375-489F-9B3A-F6339A1CBC04}" srcOrd="0" destOrd="0" presId="urn:microsoft.com/office/officeart/2005/8/layout/orgChart1"/>
    <dgm:cxn modelId="{D3C0892C-9CBC-4E0E-8885-542B75CC2276}" type="presOf" srcId="{E821092C-7D1E-4885-86B3-1A51EB872287}" destId="{04923AD8-624C-4982-ACE1-057CA6297B4D}" srcOrd="0" destOrd="0" presId="urn:microsoft.com/office/officeart/2005/8/layout/orgChart1"/>
    <dgm:cxn modelId="{F7C093C4-9986-4740-A39D-908089EB1AA3}" type="presOf" srcId="{371DA742-9B64-47F9-AC28-487D7C94F51E}" destId="{52344AEB-BB1C-4B5F-87C4-3D99906C965E}" srcOrd="0" destOrd="0" presId="urn:microsoft.com/office/officeart/2005/8/layout/orgChart1"/>
    <dgm:cxn modelId="{890EAAF9-98A9-4ECC-B5A1-36D29F5F6DE8}" type="presOf" srcId="{1B898C52-8B73-4A3E-9EB1-8D39A15A73CC}" destId="{070B10DB-6483-4949-9390-D7F7A1784CFC}" srcOrd="1" destOrd="0" presId="urn:microsoft.com/office/officeart/2005/8/layout/orgChart1"/>
    <dgm:cxn modelId="{3C6781A8-ED80-456A-B889-EE009CFA02B0}" srcId="{B6E4D502-163E-42C0-93F0-5BD00B167C3C}" destId="{DAC0E8AF-0C9F-4FF0-B2CE-BAB50A961E51}" srcOrd="3" destOrd="0" parTransId="{9738AD27-F672-4067-9A12-7EA003193C47}" sibTransId="{C49879BA-916C-4E21-A7FE-493731C4FF1C}"/>
    <dgm:cxn modelId="{DB0968F8-0E69-4390-AE20-F53EB6F6CE8D}" type="presOf" srcId="{B6E4D502-163E-42C0-93F0-5BD00B167C3C}" destId="{D46E4DC8-2AB0-46B6-B800-9B5061C2BE9D}" srcOrd="1" destOrd="0" presId="urn:microsoft.com/office/officeart/2005/8/layout/orgChart1"/>
    <dgm:cxn modelId="{3EC98F34-3C11-4A6B-B8A4-C02A327DB2B1}" type="presOf" srcId="{CAE0AFCB-63BB-4B44-BFA1-099E64AD13DF}" destId="{5AB8124D-AD0F-4F60-9B41-30740A839523}" srcOrd="1" destOrd="0" presId="urn:microsoft.com/office/officeart/2005/8/layout/orgChart1"/>
    <dgm:cxn modelId="{47D46911-F6C1-4209-854A-0A64E106497E}" type="presOf" srcId="{9738AD27-F672-4067-9A12-7EA003193C47}" destId="{8AC9D5AC-FCB2-416C-8076-00F273068247}" srcOrd="0" destOrd="0" presId="urn:microsoft.com/office/officeart/2005/8/layout/orgChart1"/>
    <dgm:cxn modelId="{C0883E76-5A57-46C9-9B7A-15AFEFE2B738}" type="presOf" srcId="{BC4F4B30-2C81-4E1F-B68F-DEF1CD2C0547}" destId="{7F2AB88B-AA1D-4C05-BDEB-CD5CF355F11A}" srcOrd="0" destOrd="0" presId="urn:microsoft.com/office/officeart/2005/8/layout/orgChart1"/>
    <dgm:cxn modelId="{81B15E5F-DF99-4E84-AAE6-FF0578731A27}" type="presOf" srcId="{D8D23781-F276-4156-A8E3-6626CD03CCF7}" destId="{1FACF0EB-287E-4449-BA5F-3890558715CE}" srcOrd="0" destOrd="0" presId="urn:microsoft.com/office/officeart/2005/8/layout/orgChart1"/>
    <dgm:cxn modelId="{539C3BBA-7BEA-4DA0-9EEB-B6321512B792}" type="presOf" srcId="{069E61CE-047B-4F7B-83D4-7BEA320B9F99}" destId="{E848DA78-064D-43E3-8A4A-523F566E13D2}" srcOrd="1" destOrd="0" presId="urn:microsoft.com/office/officeart/2005/8/layout/orgChart1"/>
    <dgm:cxn modelId="{DEB02A4B-7216-4020-B7D0-76E1028BBE99}" type="presOf" srcId="{DAC0E8AF-0C9F-4FF0-B2CE-BAB50A961E51}" destId="{4DC8E5C4-46D7-4DD0-B0B5-69E2706AE9E4}" srcOrd="1" destOrd="0" presId="urn:microsoft.com/office/officeart/2005/8/layout/orgChart1"/>
    <dgm:cxn modelId="{A389703C-8568-4414-945B-4AAEE129ABE5}" type="presOf" srcId="{05B4BAEC-6AF4-4981-B6D2-A0F4E6531040}" destId="{EA181079-C778-4F4D-96B5-CD6B84DD0FC4}" srcOrd="0" destOrd="0" presId="urn:microsoft.com/office/officeart/2005/8/layout/orgChart1"/>
    <dgm:cxn modelId="{92FD8298-CA56-449A-8343-3AB639287540}" srcId="{B6E4D502-163E-42C0-93F0-5BD00B167C3C}" destId="{1B898C52-8B73-4A3E-9EB1-8D39A15A73CC}" srcOrd="2" destOrd="0" parTransId="{D8D23781-F276-4156-A8E3-6626CD03CCF7}" sibTransId="{4D533A56-74AF-4ED0-9833-DF9599209331}"/>
    <dgm:cxn modelId="{1733B5C2-8C7F-4B72-89E1-E1C437E29B25}" type="presOf" srcId="{37026DBB-D9FE-4AA3-B19F-CF86D4C41953}" destId="{A8A6CDA0-6277-451D-BB5F-6844245793EB}" srcOrd="0" destOrd="0" presId="urn:microsoft.com/office/officeart/2005/8/layout/orgChart1"/>
    <dgm:cxn modelId="{66D4109F-8E32-48DA-B15D-8F7021B43946}" type="presOf" srcId="{7C9D7C66-8E02-458D-A680-49383A59409A}" destId="{917334AC-52F6-4CF9-8CE6-85FA905DC908}" srcOrd="1" destOrd="0" presId="urn:microsoft.com/office/officeart/2005/8/layout/orgChart1"/>
    <dgm:cxn modelId="{135076CD-AF9D-4614-B6A8-0FB9D8A83031}" type="presOf" srcId="{069E61CE-047B-4F7B-83D4-7BEA320B9F99}" destId="{F0DCF5FA-8939-42F2-98B4-7A8FAA0E1CC9}" srcOrd="0" destOrd="0" presId="urn:microsoft.com/office/officeart/2005/8/layout/orgChart1"/>
    <dgm:cxn modelId="{7479C0DE-DF14-4177-ABC0-C8A3DDF72EE7}" type="presOf" srcId="{A66207EA-931D-441F-B05A-2D697D40DBA7}" destId="{39AEFC41-F590-445E-B0C0-071810C82C35}" srcOrd="0" destOrd="0" presId="urn:microsoft.com/office/officeart/2005/8/layout/orgChart1"/>
    <dgm:cxn modelId="{153EB9BE-BBEE-46F9-B86F-B87F4412AC94}" srcId="{1B898C52-8B73-4A3E-9EB1-8D39A15A73CC}" destId="{22626F4D-EF4E-492C-8543-3055B4E9B408}" srcOrd="1" destOrd="0" parTransId="{BC4F4B30-2C81-4E1F-B68F-DEF1CD2C0547}" sibTransId="{8A102000-9D71-4E73-9BA9-156FBE8F3674}"/>
    <dgm:cxn modelId="{D77496A4-718A-47F5-89E1-91F276AF6D37}" type="presOf" srcId="{6ED5EB4C-C284-4FE7-9BA3-03E4F380B543}" destId="{0E8F539E-F6D1-42B3-9701-01FFAC505114}" srcOrd="0" destOrd="0" presId="urn:microsoft.com/office/officeart/2005/8/layout/orgChart1"/>
    <dgm:cxn modelId="{23F17731-BAF3-4421-A80C-B29E85E04F28}" type="presOf" srcId="{E821092C-7D1E-4885-86B3-1A51EB872287}" destId="{8C97702B-EAE2-4F51-8D07-0789C3373FC3}" srcOrd="1" destOrd="0" presId="urn:microsoft.com/office/officeart/2005/8/layout/orgChart1"/>
    <dgm:cxn modelId="{97EFC31D-F641-4313-855C-88504AF95E93}" type="presOf" srcId="{CB52BE8D-AE2E-4F94-B304-04651ED1A4D6}" destId="{E69EED57-C970-4A7A-88B8-65831C44A5B2}" srcOrd="0" destOrd="0" presId="urn:microsoft.com/office/officeart/2005/8/layout/orgChart1"/>
    <dgm:cxn modelId="{BD1DFFD8-2E4B-4331-A2D3-6B0CDAECAD5E}" type="presOf" srcId="{CAE0AFCB-63BB-4B44-BFA1-099E64AD13DF}" destId="{6022F658-2437-4F5C-9F02-4DC6139C39C9}" srcOrd="0" destOrd="0" presId="urn:microsoft.com/office/officeart/2005/8/layout/orgChart1"/>
    <dgm:cxn modelId="{FE96311F-8AE7-496F-A8BE-D68CA2AD4E87}" type="presParOf" srcId="{52344AEB-BB1C-4B5F-87C4-3D99906C965E}" destId="{D752D43E-D2CA-44C8-AF89-6A34DCC478F0}" srcOrd="0" destOrd="0" presId="urn:microsoft.com/office/officeart/2005/8/layout/orgChart1"/>
    <dgm:cxn modelId="{4A3ABBE8-52A7-49DE-9CBC-CC14DBA00B3D}" type="presParOf" srcId="{D752D43E-D2CA-44C8-AF89-6A34DCC478F0}" destId="{190EB8EE-AF50-401F-9489-50E9A5B85B80}" srcOrd="0" destOrd="0" presId="urn:microsoft.com/office/officeart/2005/8/layout/orgChart1"/>
    <dgm:cxn modelId="{120AF8C6-DB28-49C1-A311-7A7F207DED83}" type="presParOf" srcId="{190EB8EE-AF50-401F-9489-50E9A5B85B80}" destId="{B7F051ED-42C1-4544-A4CD-6188B9C468EE}" srcOrd="0" destOrd="0" presId="urn:microsoft.com/office/officeart/2005/8/layout/orgChart1"/>
    <dgm:cxn modelId="{FEBF9CA0-BF8A-4AF5-9181-E4988D958E20}" type="presParOf" srcId="{190EB8EE-AF50-401F-9489-50E9A5B85B80}" destId="{D46E4DC8-2AB0-46B6-B800-9B5061C2BE9D}" srcOrd="1" destOrd="0" presId="urn:microsoft.com/office/officeart/2005/8/layout/orgChart1"/>
    <dgm:cxn modelId="{96A87AB2-956C-4289-9066-587339532A26}" type="presParOf" srcId="{D752D43E-D2CA-44C8-AF89-6A34DCC478F0}" destId="{0FE80AAF-F379-4008-8E78-F75404779195}" srcOrd="1" destOrd="0" presId="urn:microsoft.com/office/officeart/2005/8/layout/orgChart1"/>
    <dgm:cxn modelId="{0964B098-E9DC-4465-AD5A-45A4C873A1C5}" type="presParOf" srcId="{0FE80AAF-F379-4008-8E78-F75404779195}" destId="{0E8F539E-F6D1-42B3-9701-01FFAC505114}" srcOrd="0" destOrd="0" presId="urn:microsoft.com/office/officeart/2005/8/layout/orgChart1"/>
    <dgm:cxn modelId="{3A2D6A02-A5FC-4DEA-B99D-45D2FA4938F5}" type="presParOf" srcId="{0FE80AAF-F379-4008-8E78-F75404779195}" destId="{CE578AA0-363C-46C7-A853-111B4D28D7BB}" srcOrd="1" destOrd="0" presId="urn:microsoft.com/office/officeart/2005/8/layout/orgChart1"/>
    <dgm:cxn modelId="{268FAE36-8F78-4141-B3E6-B18F3B0D9825}" type="presParOf" srcId="{CE578AA0-363C-46C7-A853-111B4D28D7BB}" destId="{62A5787F-C3F0-4F68-AF96-4AC56F4C399B}" srcOrd="0" destOrd="0" presId="urn:microsoft.com/office/officeart/2005/8/layout/orgChart1"/>
    <dgm:cxn modelId="{02955868-8958-4C8E-A8EC-FE1314EBA335}" type="presParOf" srcId="{62A5787F-C3F0-4F68-AF96-4AC56F4C399B}" destId="{F0DCF5FA-8939-42F2-98B4-7A8FAA0E1CC9}" srcOrd="0" destOrd="0" presId="urn:microsoft.com/office/officeart/2005/8/layout/orgChart1"/>
    <dgm:cxn modelId="{700AD275-0914-401F-9584-23ACF4EF575F}" type="presParOf" srcId="{62A5787F-C3F0-4F68-AF96-4AC56F4C399B}" destId="{E848DA78-064D-43E3-8A4A-523F566E13D2}" srcOrd="1" destOrd="0" presId="urn:microsoft.com/office/officeart/2005/8/layout/orgChart1"/>
    <dgm:cxn modelId="{ACCD5D1E-BD9F-4D9E-9160-DBB46B350608}" type="presParOf" srcId="{CE578AA0-363C-46C7-A853-111B4D28D7BB}" destId="{4D938DF5-6022-4461-B231-99E31E97109D}" srcOrd="1" destOrd="0" presId="urn:microsoft.com/office/officeart/2005/8/layout/orgChart1"/>
    <dgm:cxn modelId="{15C5E5E3-A13E-44C7-81FD-F3FD3D58948E}" type="presParOf" srcId="{CE578AA0-363C-46C7-A853-111B4D28D7BB}" destId="{09D8A1A0-C89A-4C32-B98F-0ED869FD0B47}" srcOrd="2" destOrd="0" presId="urn:microsoft.com/office/officeart/2005/8/layout/orgChart1"/>
    <dgm:cxn modelId="{23ECD7A0-C86F-4189-B0BC-CF6F1D58DE34}" type="presParOf" srcId="{0FE80AAF-F379-4008-8E78-F75404779195}" destId="{1FACF0EB-287E-4449-BA5F-3890558715CE}" srcOrd="2" destOrd="0" presId="urn:microsoft.com/office/officeart/2005/8/layout/orgChart1"/>
    <dgm:cxn modelId="{6290DE8F-82B4-4585-A169-8FFE05E81DD9}" type="presParOf" srcId="{0FE80AAF-F379-4008-8E78-F75404779195}" destId="{F4064A0F-F3C3-4609-B1BF-8075CAC4D296}" srcOrd="3" destOrd="0" presId="urn:microsoft.com/office/officeart/2005/8/layout/orgChart1"/>
    <dgm:cxn modelId="{2DF024D8-2651-4ACB-AEA5-C53D8E4D6641}" type="presParOf" srcId="{F4064A0F-F3C3-4609-B1BF-8075CAC4D296}" destId="{4105940F-EF2E-41C6-837E-14A4CFD5C5D5}" srcOrd="0" destOrd="0" presId="urn:microsoft.com/office/officeart/2005/8/layout/orgChart1"/>
    <dgm:cxn modelId="{8555AB75-AE1E-425D-8322-6B5B4A9C86AE}" type="presParOf" srcId="{4105940F-EF2E-41C6-837E-14A4CFD5C5D5}" destId="{1BB45B73-B92C-4D36-BA5D-C2BFE20BE6B2}" srcOrd="0" destOrd="0" presId="urn:microsoft.com/office/officeart/2005/8/layout/orgChart1"/>
    <dgm:cxn modelId="{EC1AD4CF-BA6C-4A75-9503-4B8DCA4A053A}" type="presParOf" srcId="{4105940F-EF2E-41C6-837E-14A4CFD5C5D5}" destId="{070B10DB-6483-4949-9390-D7F7A1784CFC}" srcOrd="1" destOrd="0" presId="urn:microsoft.com/office/officeart/2005/8/layout/orgChart1"/>
    <dgm:cxn modelId="{0B800063-A540-4B8B-A072-846018D1FA4F}" type="presParOf" srcId="{F4064A0F-F3C3-4609-B1BF-8075CAC4D296}" destId="{E9F9BA0D-971D-4C7F-92F8-81AD9D702FBB}" srcOrd="1" destOrd="0" presId="urn:microsoft.com/office/officeart/2005/8/layout/orgChart1"/>
    <dgm:cxn modelId="{462AF42E-F9B1-4179-9B41-9C40B030604B}" type="presParOf" srcId="{E9F9BA0D-971D-4C7F-92F8-81AD9D702FBB}" destId="{95EF5ED4-1E93-4CD7-8FD1-29F50F44D88B}" srcOrd="0" destOrd="0" presId="urn:microsoft.com/office/officeart/2005/8/layout/orgChart1"/>
    <dgm:cxn modelId="{2FC0C8B0-624D-4C95-BA44-3B2A70AF028E}" type="presParOf" srcId="{E9F9BA0D-971D-4C7F-92F8-81AD9D702FBB}" destId="{0987656C-DA13-4E52-9C45-8584CE6E7CD1}" srcOrd="1" destOrd="0" presId="urn:microsoft.com/office/officeart/2005/8/layout/orgChart1"/>
    <dgm:cxn modelId="{B11BC3C7-EB00-472A-AD5F-CD0E3E9A246A}" type="presParOf" srcId="{0987656C-DA13-4E52-9C45-8584CE6E7CD1}" destId="{F187C229-308F-497D-9E16-7D6AF2D8183F}" srcOrd="0" destOrd="0" presId="urn:microsoft.com/office/officeart/2005/8/layout/orgChart1"/>
    <dgm:cxn modelId="{FB7A03F8-BDEB-455B-8516-50D6FF403FEF}" type="presParOf" srcId="{F187C229-308F-497D-9E16-7D6AF2D8183F}" destId="{122AF800-94D4-4C60-95D9-5720FACF6F3E}" srcOrd="0" destOrd="0" presId="urn:microsoft.com/office/officeart/2005/8/layout/orgChart1"/>
    <dgm:cxn modelId="{E101116B-72F6-49AD-81CB-A1971898337C}" type="presParOf" srcId="{F187C229-308F-497D-9E16-7D6AF2D8183F}" destId="{7C66C86C-CCB6-42D1-83D1-A06E521EF418}" srcOrd="1" destOrd="0" presId="urn:microsoft.com/office/officeart/2005/8/layout/orgChart1"/>
    <dgm:cxn modelId="{895B7E12-D882-4318-8023-A7AD8634F664}" type="presParOf" srcId="{0987656C-DA13-4E52-9C45-8584CE6E7CD1}" destId="{9617362C-0DA2-4CED-85DB-970E54133D64}" srcOrd="1" destOrd="0" presId="urn:microsoft.com/office/officeart/2005/8/layout/orgChart1"/>
    <dgm:cxn modelId="{BB8329E5-41B8-448C-B7CE-93ADFF864E52}" type="presParOf" srcId="{0987656C-DA13-4E52-9C45-8584CE6E7CD1}" destId="{5AEE1469-30DF-470D-B23A-7291EBF7B844}" srcOrd="2" destOrd="0" presId="urn:microsoft.com/office/officeart/2005/8/layout/orgChart1"/>
    <dgm:cxn modelId="{F6757041-E492-4553-90D7-CCBCBAAC31FF}" type="presParOf" srcId="{E9F9BA0D-971D-4C7F-92F8-81AD9D702FBB}" destId="{7F2AB88B-AA1D-4C05-BDEB-CD5CF355F11A}" srcOrd="2" destOrd="0" presId="urn:microsoft.com/office/officeart/2005/8/layout/orgChart1"/>
    <dgm:cxn modelId="{F0FB107D-29FE-4568-A9C9-7F0D66DF3873}" type="presParOf" srcId="{E9F9BA0D-971D-4C7F-92F8-81AD9D702FBB}" destId="{EB4EA430-17E9-455D-8A6B-92D05F3107C6}" srcOrd="3" destOrd="0" presId="urn:microsoft.com/office/officeart/2005/8/layout/orgChart1"/>
    <dgm:cxn modelId="{C3E9A394-115E-4E51-B3CD-16624CCEEF1C}" type="presParOf" srcId="{EB4EA430-17E9-455D-8A6B-92D05F3107C6}" destId="{D033D9D9-FF53-4675-AEA1-5AC25E62C120}" srcOrd="0" destOrd="0" presId="urn:microsoft.com/office/officeart/2005/8/layout/orgChart1"/>
    <dgm:cxn modelId="{15C2062C-A266-4419-9914-44EF0814AA52}" type="presParOf" srcId="{D033D9D9-FF53-4675-AEA1-5AC25E62C120}" destId="{440A80E1-9375-489F-9B3A-F6339A1CBC04}" srcOrd="0" destOrd="0" presId="urn:microsoft.com/office/officeart/2005/8/layout/orgChart1"/>
    <dgm:cxn modelId="{1E2C2D49-46C0-4D7A-B817-05D22E245A84}" type="presParOf" srcId="{D033D9D9-FF53-4675-AEA1-5AC25E62C120}" destId="{8645EBAA-97F3-414C-B0E2-C7882BEB8970}" srcOrd="1" destOrd="0" presId="urn:microsoft.com/office/officeart/2005/8/layout/orgChart1"/>
    <dgm:cxn modelId="{92410F71-D12F-4152-AC6B-F6BCD7EC3663}" type="presParOf" srcId="{EB4EA430-17E9-455D-8A6B-92D05F3107C6}" destId="{A6C0463D-9EE1-4CBE-8DD2-3F6420F73B0E}" srcOrd="1" destOrd="0" presId="urn:microsoft.com/office/officeart/2005/8/layout/orgChart1"/>
    <dgm:cxn modelId="{B1FD61D4-E96A-4818-A23D-114D7EB068AD}" type="presParOf" srcId="{EB4EA430-17E9-455D-8A6B-92D05F3107C6}" destId="{AB8891E9-B042-4D72-B0CB-3B3F2A9D6FB2}" srcOrd="2" destOrd="0" presId="urn:microsoft.com/office/officeart/2005/8/layout/orgChart1"/>
    <dgm:cxn modelId="{F0D3A686-F158-438F-81BC-AFBB1CBCC834}" type="presParOf" srcId="{E9F9BA0D-971D-4C7F-92F8-81AD9D702FBB}" destId="{F7A52349-AAF8-4EA0-8CC5-509D5939F3C0}" srcOrd="4" destOrd="0" presId="urn:microsoft.com/office/officeart/2005/8/layout/orgChart1"/>
    <dgm:cxn modelId="{6DD02956-A177-4DB9-B09B-0A262C519965}" type="presParOf" srcId="{E9F9BA0D-971D-4C7F-92F8-81AD9D702FBB}" destId="{C7F1B890-4786-44FB-9CF2-2E46F0915C8A}" srcOrd="5" destOrd="0" presId="urn:microsoft.com/office/officeart/2005/8/layout/orgChart1"/>
    <dgm:cxn modelId="{8AD3EA47-54A2-4EFE-B69A-03ED57A0A619}" type="presParOf" srcId="{C7F1B890-4786-44FB-9CF2-2E46F0915C8A}" destId="{0A882DD8-0756-4506-ABC4-21E0C23E346E}" srcOrd="0" destOrd="0" presId="urn:microsoft.com/office/officeart/2005/8/layout/orgChart1"/>
    <dgm:cxn modelId="{8E8DEADD-7DB6-4DBA-ABCB-5CE70A524CC1}" type="presParOf" srcId="{0A882DD8-0756-4506-ABC4-21E0C23E346E}" destId="{A5F99CA6-59A6-4607-B6B0-827CE54B284F}" srcOrd="0" destOrd="0" presId="urn:microsoft.com/office/officeart/2005/8/layout/orgChart1"/>
    <dgm:cxn modelId="{7410831F-92D2-4308-AFFD-EC8890FD547E}" type="presParOf" srcId="{0A882DD8-0756-4506-ABC4-21E0C23E346E}" destId="{917334AC-52F6-4CF9-8CE6-85FA905DC908}" srcOrd="1" destOrd="0" presId="urn:microsoft.com/office/officeart/2005/8/layout/orgChart1"/>
    <dgm:cxn modelId="{F6F03415-7269-4FAA-A05A-80582B812BDD}" type="presParOf" srcId="{C7F1B890-4786-44FB-9CF2-2E46F0915C8A}" destId="{964BF198-5576-40F3-9148-C1B3FFB06643}" srcOrd="1" destOrd="0" presId="urn:microsoft.com/office/officeart/2005/8/layout/orgChart1"/>
    <dgm:cxn modelId="{1667784E-F4A4-45EF-874C-E751C0CF50D3}" type="presParOf" srcId="{964BF198-5576-40F3-9148-C1B3FFB06643}" destId="{A8A6CDA0-6277-451D-BB5F-6844245793EB}" srcOrd="0" destOrd="0" presId="urn:microsoft.com/office/officeart/2005/8/layout/orgChart1"/>
    <dgm:cxn modelId="{F0DEF4B3-2324-4272-8161-42CFEE256900}" type="presParOf" srcId="{964BF198-5576-40F3-9148-C1B3FFB06643}" destId="{A4D042A4-E82D-401E-8FB9-858D63E9B848}" srcOrd="1" destOrd="0" presId="urn:microsoft.com/office/officeart/2005/8/layout/orgChart1"/>
    <dgm:cxn modelId="{87B086C8-539C-4C26-A36B-833E3D9C4E0A}" type="presParOf" srcId="{A4D042A4-E82D-401E-8FB9-858D63E9B848}" destId="{847BF983-B9F8-458D-A5BE-3F19ACDA6646}" srcOrd="0" destOrd="0" presId="urn:microsoft.com/office/officeart/2005/8/layout/orgChart1"/>
    <dgm:cxn modelId="{22FA0BF8-9E52-432C-9AB9-750DDC0C8E1F}" type="presParOf" srcId="{847BF983-B9F8-458D-A5BE-3F19ACDA6646}" destId="{E1A1D4F0-6F03-44FE-9C0A-3D6325268DC7}" srcOrd="0" destOrd="0" presId="urn:microsoft.com/office/officeart/2005/8/layout/orgChart1"/>
    <dgm:cxn modelId="{2D8EA0C0-C6C3-4F7E-A247-491343393CD4}" type="presParOf" srcId="{847BF983-B9F8-458D-A5BE-3F19ACDA6646}" destId="{529EFEA1-A5AB-4931-803B-E67D7824DAF1}" srcOrd="1" destOrd="0" presId="urn:microsoft.com/office/officeart/2005/8/layout/orgChart1"/>
    <dgm:cxn modelId="{4C0E7804-DB49-4C21-8327-19A09BECEF40}" type="presParOf" srcId="{A4D042A4-E82D-401E-8FB9-858D63E9B848}" destId="{509820DF-5224-44BE-A127-654BCE1ED26D}" srcOrd="1" destOrd="0" presId="urn:microsoft.com/office/officeart/2005/8/layout/orgChart1"/>
    <dgm:cxn modelId="{70661CF3-5AB2-49B5-806F-2D84223F5BC8}" type="presParOf" srcId="{A4D042A4-E82D-401E-8FB9-858D63E9B848}" destId="{33882EA7-67EC-4728-8EC5-8ED6BB96418B}" srcOrd="2" destOrd="0" presId="urn:microsoft.com/office/officeart/2005/8/layout/orgChart1"/>
    <dgm:cxn modelId="{25C5019C-7F6E-4963-8906-C6F08C3BD735}" type="presParOf" srcId="{964BF198-5576-40F3-9148-C1B3FFB06643}" destId="{E69EED57-C970-4A7A-88B8-65831C44A5B2}" srcOrd="2" destOrd="0" presId="urn:microsoft.com/office/officeart/2005/8/layout/orgChart1"/>
    <dgm:cxn modelId="{19BF5529-6DE1-41AC-B15A-3B83353E501B}" type="presParOf" srcId="{964BF198-5576-40F3-9148-C1B3FFB06643}" destId="{11C7C830-2A0A-4030-B386-6B7BABFBD5DB}" srcOrd="3" destOrd="0" presId="urn:microsoft.com/office/officeart/2005/8/layout/orgChart1"/>
    <dgm:cxn modelId="{109D40AF-0056-474C-AD16-2287434D8CB8}" type="presParOf" srcId="{11C7C830-2A0A-4030-B386-6B7BABFBD5DB}" destId="{8E796A89-6000-4FB0-9416-8833AB92E8AF}" srcOrd="0" destOrd="0" presId="urn:microsoft.com/office/officeart/2005/8/layout/orgChart1"/>
    <dgm:cxn modelId="{6A835ECD-3033-410E-B2F4-F4E6D51E985D}" type="presParOf" srcId="{8E796A89-6000-4FB0-9416-8833AB92E8AF}" destId="{04923AD8-624C-4982-ACE1-057CA6297B4D}" srcOrd="0" destOrd="0" presId="urn:microsoft.com/office/officeart/2005/8/layout/orgChart1"/>
    <dgm:cxn modelId="{6FBE2592-8564-4825-8312-38A22D87645E}" type="presParOf" srcId="{8E796A89-6000-4FB0-9416-8833AB92E8AF}" destId="{8C97702B-EAE2-4F51-8D07-0789C3373FC3}" srcOrd="1" destOrd="0" presId="urn:microsoft.com/office/officeart/2005/8/layout/orgChart1"/>
    <dgm:cxn modelId="{FB1EAAC1-A02F-4737-8953-619374791482}" type="presParOf" srcId="{11C7C830-2A0A-4030-B386-6B7BABFBD5DB}" destId="{363FE95D-B17E-45ED-95D4-A8B8A36C393E}" srcOrd="1" destOrd="0" presId="urn:microsoft.com/office/officeart/2005/8/layout/orgChart1"/>
    <dgm:cxn modelId="{992A9857-2CAD-4C12-9BB9-BE9E5E6E1B63}" type="presParOf" srcId="{11C7C830-2A0A-4030-B386-6B7BABFBD5DB}" destId="{E6398BFE-6547-4C3B-ACEC-01C53F8DCE68}" srcOrd="2" destOrd="0" presId="urn:microsoft.com/office/officeart/2005/8/layout/orgChart1"/>
    <dgm:cxn modelId="{AE87C87E-C51C-4D9A-AA66-1DDF82E314A4}" type="presParOf" srcId="{964BF198-5576-40F3-9148-C1B3FFB06643}" destId="{39AEFC41-F590-445E-B0C0-071810C82C35}" srcOrd="4" destOrd="0" presId="urn:microsoft.com/office/officeart/2005/8/layout/orgChart1"/>
    <dgm:cxn modelId="{7CFD1816-D2E8-4DAC-BCA7-06903981EF00}" type="presParOf" srcId="{964BF198-5576-40F3-9148-C1B3FFB06643}" destId="{DBED760C-284D-452F-9748-4A19946E6DB1}" srcOrd="5" destOrd="0" presId="urn:microsoft.com/office/officeart/2005/8/layout/orgChart1"/>
    <dgm:cxn modelId="{3FDD1E95-1D80-4445-9DB2-D852BBEA93D8}" type="presParOf" srcId="{DBED760C-284D-452F-9748-4A19946E6DB1}" destId="{D7F1DB64-7F8C-4754-A3F0-0B4F239EF5FC}" srcOrd="0" destOrd="0" presId="urn:microsoft.com/office/officeart/2005/8/layout/orgChart1"/>
    <dgm:cxn modelId="{8EDD998B-4C03-4B8A-A91C-D5C58C5669E3}" type="presParOf" srcId="{D7F1DB64-7F8C-4754-A3F0-0B4F239EF5FC}" destId="{3F7FCF97-5B32-401A-A100-C5620C5A62A0}" srcOrd="0" destOrd="0" presId="urn:microsoft.com/office/officeart/2005/8/layout/orgChart1"/>
    <dgm:cxn modelId="{36547D96-2FFA-4227-9425-BE6AC3F55345}" type="presParOf" srcId="{D7F1DB64-7F8C-4754-A3F0-0B4F239EF5FC}" destId="{4F4F9DC3-5B9B-4F61-8E4A-88422D61D3D5}" srcOrd="1" destOrd="0" presId="urn:microsoft.com/office/officeart/2005/8/layout/orgChart1"/>
    <dgm:cxn modelId="{3F2B1223-1E2E-4AC2-AA60-6E49AA942BD0}" type="presParOf" srcId="{DBED760C-284D-452F-9748-4A19946E6DB1}" destId="{C443FF6F-7ACC-44C8-8B16-310D774E4581}" srcOrd="1" destOrd="0" presId="urn:microsoft.com/office/officeart/2005/8/layout/orgChart1"/>
    <dgm:cxn modelId="{9447D96F-F52F-478E-9BF6-F79457116FF0}" type="presParOf" srcId="{DBED760C-284D-452F-9748-4A19946E6DB1}" destId="{5EA8BA3C-02F8-41EB-8044-638A88B9345B}" srcOrd="2" destOrd="0" presId="urn:microsoft.com/office/officeart/2005/8/layout/orgChart1"/>
    <dgm:cxn modelId="{AE610AD0-EE03-48B0-BB39-3244604A54E8}" type="presParOf" srcId="{C7F1B890-4786-44FB-9CF2-2E46F0915C8A}" destId="{C7AEBEF0-A3BC-465D-AAC5-362148937CA9}" srcOrd="2" destOrd="0" presId="urn:microsoft.com/office/officeart/2005/8/layout/orgChart1"/>
    <dgm:cxn modelId="{7125C085-04DC-4938-98B1-0B32F47E56CC}" type="presParOf" srcId="{F4064A0F-F3C3-4609-B1BF-8075CAC4D296}" destId="{F26E70F1-3BF6-452A-B093-CD0C5F506883}" srcOrd="2" destOrd="0" presId="urn:microsoft.com/office/officeart/2005/8/layout/orgChart1"/>
    <dgm:cxn modelId="{7B14AD58-F8F0-42B7-8092-E2541B96CC39}" type="presParOf" srcId="{D752D43E-D2CA-44C8-AF89-6A34DCC478F0}" destId="{A45E306D-6C11-4E8D-8060-38DDCC9417B3}" srcOrd="2" destOrd="0" presId="urn:microsoft.com/office/officeart/2005/8/layout/orgChart1"/>
    <dgm:cxn modelId="{B7F35CA4-B459-48E8-8D2F-E0A41011F1E2}" type="presParOf" srcId="{A45E306D-6C11-4E8D-8060-38DDCC9417B3}" destId="{EA181079-C778-4F4D-96B5-CD6B84DD0FC4}" srcOrd="0" destOrd="0" presId="urn:microsoft.com/office/officeart/2005/8/layout/orgChart1"/>
    <dgm:cxn modelId="{AA60946B-4998-4DDD-AB55-D210DC4D6855}" type="presParOf" srcId="{A45E306D-6C11-4E8D-8060-38DDCC9417B3}" destId="{DAAB8364-462E-4988-BE40-0CBA842E5337}" srcOrd="1" destOrd="0" presId="urn:microsoft.com/office/officeart/2005/8/layout/orgChart1"/>
    <dgm:cxn modelId="{07F6B73C-2F91-4B58-A36C-3261C2F937EC}" type="presParOf" srcId="{DAAB8364-462E-4988-BE40-0CBA842E5337}" destId="{274211C4-064E-45C7-91CE-9B06A5B47ABB}" srcOrd="0" destOrd="0" presId="urn:microsoft.com/office/officeart/2005/8/layout/orgChart1"/>
    <dgm:cxn modelId="{105F6D91-5549-424C-AB11-9FFA51539FB9}" type="presParOf" srcId="{274211C4-064E-45C7-91CE-9B06A5B47ABB}" destId="{6022F658-2437-4F5C-9F02-4DC6139C39C9}" srcOrd="0" destOrd="0" presId="urn:microsoft.com/office/officeart/2005/8/layout/orgChart1"/>
    <dgm:cxn modelId="{0E191C33-DCC2-4661-A3E4-BE193E6EA8F0}" type="presParOf" srcId="{274211C4-064E-45C7-91CE-9B06A5B47ABB}" destId="{5AB8124D-AD0F-4F60-9B41-30740A839523}" srcOrd="1" destOrd="0" presId="urn:microsoft.com/office/officeart/2005/8/layout/orgChart1"/>
    <dgm:cxn modelId="{3565CD05-2144-488E-947D-ABC9C8D0C7E4}" type="presParOf" srcId="{DAAB8364-462E-4988-BE40-0CBA842E5337}" destId="{355D564D-3F99-46D6-A892-F13ACD8A9A98}" srcOrd="1" destOrd="0" presId="urn:microsoft.com/office/officeart/2005/8/layout/orgChart1"/>
    <dgm:cxn modelId="{E78BD0F8-E44C-4B66-9E4C-B63F1EE6A245}" type="presParOf" srcId="{DAAB8364-462E-4988-BE40-0CBA842E5337}" destId="{6D0D8E0A-1D90-4CC5-979D-9CDC7146F619}" srcOrd="2" destOrd="0" presId="urn:microsoft.com/office/officeart/2005/8/layout/orgChart1"/>
    <dgm:cxn modelId="{72138516-0E10-4DDE-A84D-B7CDB3DCF612}" type="presParOf" srcId="{A45E306D-6C11-4E8D-8060-38DDCC9417B3}" destId="{8AC9D5AC-FCB2-416C-8076-00F273068247}" srcOrd="2" destOrd="0" presId="urn:microsoft.com/office/officeart/2005/8/layout/orgChart1"/>
    <dgm:cxn modelId="{37C76987-47F3-485C-A563-3079B382E522}" type="presParOf" srcId="{A45E306D-6C11-4E8D-8060-38DDCC9417B3}" destId="{1AF73C00-8C4E-434C-9747-417195BD6B69}" srcOrd="3" destOrd="0" presId="urn:microsoft.com/office/officeart/2005/8/layout/orgChart1"/>
    <dgm:cxn modelId="{958BD546-E434-4F63-85A3-0442ED6DAF71}" type="presParOf" srcId="{1AF73C00-8C4E-434C-9747-417195BD6B69}" destId="{31E1D63C-6CF6-4D56-8597-58A93BE0F3E6}" srcOrd="0" destOrd="0" presId="urn:microsoft.com/office/officeart/2005/8/layout/orgChart1"/>
    <dgm:cxn modelId="{2BEEAEF0-DDCE-4ABC-81AB-799E05F8A9BF}" type="presParOf" srcId="{31E1D63C-6CF6-4D56-8597-58A93BE0F3E6}" destId="{802843A2-717F-4C47-A8AF-77F226AE35E8}" srcOrd="0" destOrd="0" presId="urn:microsoft.com/office/officeart/2005/8/layout/orgChart1"/>
    <dgm:cxn modelId="{9D27D65C-C3C3-4356-A9F2-B70892B0CAF8}" type="presParOf" srcId="{31E1D63C-6CF6-4D56-8597-58A93BE0F3E6}" destId="{4DC8E5C4-46D7-4DD0-B0B5-69E2706AE9E4}" srcOrd="1" destOrd="0" presId="urn:microsoft.com/office/officeart/2005/8/layout/orgChart1"/>
    <dgm:cxn modelId="{9D8748FD-C511-43BD-BA55-E6D5E765F7FE}" type="presParOf" srcId="{1AF73C00-8C4E-434C-9747-417195BD6B69}" destId="{ED82F363-600F-4746-9634-5E886ED68E64}" srcOrd="1" destOrd="0" presId="urn:microsoft.com/office/officeart/2005/8/layout/orgChart1"/>
    <dgm:cxn modelId="{8554F3EB-1BD3-46EA-8514-527B0B9C5ECF}" type="presParOf" srcId="{1AF73C00-8C4E-434C-9747-417195BD6B69}" destId="{9F9FE6A5-D869-4908-9241-C1ACE3AD3D28}" srcOrd="2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AC9D5AC-FCB2-416C-8076-00F273068247}">
      <dsp:nvSpPr>
        <dsp:cNvPr id="0" name=""/>
        <dsp:cNvSpPr/>
      </dsp:nvSpPr>
      <dsp:spPr>
        <a:xfrm>
          <a:off x="1844623" y="1026702"/>
          <a:ext cx="164858" cy="72223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722235"/>
              </a:lnTo>
              <a:lnTo>
                <a:pt x="164858" y="722235"/>
              </a:lnTo>
            </a:path>
          </a:pathLst>
        </a:custGeom>
        <a:noFill/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A181079-C778-4F4D-96B5-CD6B84DD0FC4}">
      <dsp:nvSpPr>
        <dsp:cNvPr id="0" name=""/>
        <dsp:cNvSpPr/>
      </dsp:nvSpPr>
      <dsp:spPr>
        <a:xfrm>
          <a:off x="1679765" y="1026702"/>
          <a:ext cx="164858" cy="722235"/>
        </a:xfrm>
        <a:custGeom>
          <a:avLst/>
          <a:gdLst/>
          <a:ahLst/>
          <a:cxnLst/>
          <a:rect l="0" t="0" r="0" b="0"/>
          <a:pathLst>
            <a:path>
              <a:moveTo>
                <a:pt x="164858" y="0"/>
              </a:moveTo>
              <a:lnTo>
                <a:pt x="164858" y="722235"/>
              </a:lnTo>
              <a:lnTo>
                <a:pt x="0" y="722235"/>
              </a:lnTo>
            </a:path>
          </a:pathLst>
        </a:custGeom>
        <a:noFill/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39AEFC41-F590-445E-B0C0-071810C82C35}">
      <dsp:nvSpPr>
        <dsp:cNvPr id="0" name=""/>
        <dsp:cNvSpPr/>
      </dsp:nvSpPr>
      <dsp:spPr>
        <a:xfrm>
          <a:off x="4694312" y="4370966"/>
          <a:ext cx="1899792" cy="329716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64858"/>
              </a:lnTo>
              <a:lnTo>
                <a:pt x="1899792" y="164858"/>
              </a:lnTo>
              <a:lnTo>
                <a:pt x="1899792" y="329716"/>
              </a:lnTo>
            </a:path>
          </a:pathLst>
        </a:custGeom>
        <a:noFill/>
        <a:ln w="254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69EED57-C970-4A7A-88B8-65831C44A5B2}">
      <dsp:nvSpPr>
        <dsp:cNvPr id="0" name=""/>
        <dsp:cNvSpPr/>
      </dsp:nvSpPr>
      <dsp:spPr>
        <a:xfrm>
          <a:off x="4648592" y="4370966"/>
          <a:ext cx="91440" cy="329716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329716"/>
              </a:lnTo>
            </a:path>
          </a:pathLst>
        </a:custGeom>
        <a:noFill/>
        <a:ln w="254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A8A6CDA0-6277-451D-BB5F-6844245793EB}">
      <dsp:nvSpPr>
        <dsp:cNvPr id="0" name=""/>
        <dsp:cNvSpPr/>
      </dsp:nvSpPr>
      <dsp:spPr>
        <a:xfrm>
          <a:off x="2794519" y="4370966"/>
          <a:ext cx="1899792" cy="329716"/>
        </a:xfrm>
        <a:custGeom>
          <a:avLst/>
          <a:gdLst/>
          <a:ahLst/>
          <a:cxnLst/>
          <a:rect l="0" t="0" r="0" b="0"/>
          <a:pathLst>
            <a:path>
              <a:moveTo>
                <a:pt x="1899792" y="0"/>
              </a:moveTo>
              <a:lnTo>
                <a:pt x="1899792" y="164858"/>
              </a:lnTo>
              <a:lnTo>
                <a:pt x="0" y="164858"/>
              </a:lnTo>
              <a:lnTo>
                <a:pt x="0" y="329716"/>
              </a:lnTo>
            </a:path>
          </a:pathLst>
        </a:custGeom>
        <a:noFill/>
        <a:ln w="254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7A52349-AAF8-4EA0-8CC5-509D5939F3C0}">
      <dsp:nvSpPr>
        <dsp:cNvPr id="0" name=""/>
        <dsp:cNvSpPr/>
      </dsp:nvSpPr>
      <dsp:spPr>
        <a:xfrm>
          <a:off x="2794519" y="3256211"/>
          <a:ext cx="1899792" cy="329716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64858"/>
              </a:lnTo>
              <a:lnTo>
                <a:pt x="1899792" y="164858"/>
              </a:lnTo>
              <a:lnTo>
                <a:pt x="1899792" y="329716"/>
              </a:lnTo>
            </a:path>
          </a:pathLst>
        </a:custGeom>
        <a:noFill/>
        <a:ln w="25400" cap="flat" cmpd="sng" algn="ctr">
          <a:solidFill>
            <a:schemeClr val="accent6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7F2AB88B-AA1D-4C05-BDEB-CD5CF355F11A}">
      <dsp:nvSpPr>
        <dsp:cNvPr id="0" name=""/>
        <dsp:cNvSpPr/>
      </dsp:nvSpPr>
      <dsp:spPr>
        <a:xfrm>
          <a:off x="2748799" y="3256211"/>
          <a:ext cx="91440" cy="329716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329716"/>
              </a:lnTo>
            </a:path>
          </a:pathLst>
        </a:custGeom>
        <a:noFill/>
        <a:ln w="25400" cap="flat" cmpd="sng" algn="ctr">
          <a:solidFill>
            <a:schemeClr val="accent6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95EF5ED4-1E93-4CD7-8FD1-29F50F44D88B}">
      <dsp:nvSpPr>
        <dsp:cNvPr id="0" name=""/>
        <dsp:cNvSpPr/>
      </dsp:nvSpPr>
      <dsp:spPr>
        <a:xfrm>
          <a:off x="894726" y="3256211"/>
          <a:ext cx="1899792" cy="329716"/>
        </a:xfrm>
        <a:custGeom>
          <a:avLst/>
          <a:gdLst/>
          <a:ahLst/>
          <a:cxnLst/>
          <a:rect l="0" t="0" r="0" b="0"/>
          <a:pathLst>
            <a:path>
              <a:moveTo>
                <a:pt x="1899792" y="0"/>
              </a:moveTo>
              <a:lnTo>
                <a:pt x="1899792" y="164858"/>
              </a:lnTo>
              <a:lnTo>
                <a:pt x="0" y="164858"/>
              </a:lnTo>
              <a:lnTo>
                <a:pt x="0" y="329716"/>
              </a:lnTo>
            </a:path>
          </a:pathLst>
        </a:custGeom>
        <a:noFill/>
        <a:ln w="25400" cap="flat" cmpd="sng" algn="ctr">
          <a:solidFill>
            <a:schemeClr val="accent6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1FACF0EB-287E-4449-BA5F-3890558715CE}">
      <dsp:nvSpPr>
        <dsp:cNvPr id="0" name=""/>
        <dsp:cNvSpPr/>
      </dsp:nvSpPr>
      <dsp:spPr>
        <a:xfrm>
          <a:off x="1844623" y="1026702"/>
          <a:ext cx="949896" cy="1444470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279612"/>
              </a:lnTo>
              <a:lnTo>
                <a:pt x="949896" y="1279612"/>
              </a:lnTo>
              <a:lnTo>
                <a:pt x="949896" y="1444470"/>
              </a:lnTo>
            </a:path>
          </a:pathLst>
        </a:custGeom>
        <a:noFill/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E8F539E-F6D1-42B3-9701-01FFAC505114}">
      <dsp:nvSpPr>
        <dsp:cNvPr id="0" name=""/>
        <dsp:cNvSpPr/>
      </dsp:nvSpPr>
      <dsp:spPr>
        <a:xfrm>
          <a:off x="894726" y="1026702"/>
          <a:ext cx="949896" cy="1444470"/>
        </a:xfrm>
        <a:custGeom>
          <a:avLst/>
          <a:gdLst/>
          <a:ahLst/>
          <a:cxnLst/>
          <a:rect l="0" t="0" r="0" b="0"/>
          <a:pathLst>
            <a:path>
              <a:moveTo>
                <a:pt x="949896" y="0"/>
              </a:moveTo>
              <a:lnTo>
                <a:pt x="949896" y="1279612"/>
              </a:lnTo>
              <a:lnTo>
                <a:pt x="0" y="1279612"/>
              </a:lnTo>
              <a:lnTo>
                <a:pt x="0" y="1444470"/>
              </a:lnTo>
            </a:path>
          </a:pathLst>
        </a:custGeom>
        <a:noFill/>
        <a:ln w="25400" cap="flat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B7F051ED-42C1-4544-A4CD-6188B9C468EE}">
      <dsp:nvSpPr>
        <dsp:cNvPr id="0" name=""/>
        <dsp:cNvSpPr/>
      </dsp:nvSpPr>
      <dsp:spPr>
        <a:xfrm>
          <a:off x="937275" y="390"/>
          <a:ext cx="1814694" cy="1026312"/>
        </a:xfrm>
        <a:prstGeom prst="rect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3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5240" tIns="15240" rIns="15240" bIns="152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2400" kern="1200" dirty="0" smtClean="0"/>
            <a:t>La Buona scuola</a:t>
          </a:r>
          <a:endParaRPr lang="it-IT" sz="2400" kern="1200" dirty="0"/>
        </a:p>
      </dsp:txBody>
      <dsp:txXfrm>
        <a:off x="937275" y="390"/>
        <a:ext cx="1814694" cy="1026312"/>
      </dsp:txXfrm>
    </dsp:sp>
    <dsp:sp modelId="{F0DCF5FA-8939-42F2-98B4-7A8FAA0E1CC9}">
      <dsp:nvSpPr>
        <dsp:cNvPr id="0" name=""/>
        <dsp:cNvSpPr/>
      </dsp:nvSpPr>
      <dsp:spPr>
        <a:xfrm>
          <a:off x="109688" y="2471173"/>
          <a:ext cx="1570076" cy="785038"/>
        </a:xfrm>
        <a:prstGeom prst="rect">
          <a:avLst/>
        </a:prstGeom>
        <a:gradFill rotWithShape="0">
          <a:gsLst>
            <a:gs pos="0">
              <a:schemeClr val="accent5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5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5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Collaborazione</a:t>
          </a:r>
          <a:endParaRPr lang="it-IT" sz="1900" kern="1200" dirty="0"/>
        </a:p>
      </dsp:txBody>
      <dsp:txXfrm>
        <a:off x="109688" y="2471173"/>
        <a:ext cx="1570076" cy="785038"/>
      </dsp:txXfrm>
    </dsp:sp>
    <dsp:sp modelId="{1BB45B73-B92C-4D36-BA5D-C2BFE20BE6B2}">
      <dsp:nvSpPr>
        <dsp:cNvPr id="0" name=""/>
        <dsp:cNvSpPr/>
      </dsp:nvSpPr>
      <dsp:spPr>
        <a:xfrm>
          <a:off x="2009481" y="2471173"/>
          <a:ext cx="1570076" cy="785038"/>
        </a:xfrm>
        <a:prstGeom prst="rect">
          <a:avLst/>
        </a:prstGeom>
        <a:gradFill rotWithShape="0">
          <a:gsLst>
            <a:gs pos="0">
              <a:schemeClr val="accent5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5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5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Innovazione didattica</a:t>
          </a:r>
          <a:endParaRPr lang="it-IT" sz="1900" kern="1200" dirty="0"/>
        </a:p>
      </dsp:txBody>
      <dsp:txXfrm>
        <a:off x="2009481" y="2471173"/>
        <a:ext cx="1570076" cy="785038"/>
      </dsp:txXfrm>
    </dsp:sp>
    <dsp:sp modelId="{122AF800-94D4-4C60-95D9-5720FACF6F3E}">
      <dsp:nvSpPr>
        <dsp:cNvPr id="0" name=""/>
        <dsp:cNvSpPr/>
      </dsp:nvSpPr>
      <dsp:spPr>
        <a:xfrm>
          <a:off x="109688" y="3585927"/>
          <a:ext cx="1570076" cy="785038"/>
        </a:xfrm>
        <a:prstGeom prst="rect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6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Azioni</a:t>
          </a:r>
          <a:endParaRPr lang="it-IT" sz="1900" kern="1200" dirty="0"/>
        </a:p>
      </dsp:txBody>
      <dsp:txXfrm>
        <a:off x="109688" y="3585927"/>
        <a:ext cx="1570076" cy="785038"/>
      </dsp:txXfrm>
    </dsp:sp>
    <dsp:sp modelId="{440A80E1-9375-489F-9B3A-F6339A1CBC04}">
      <dsp:nvSpPr>
        <dsp:cNvPr id="0" name=""/>
        <dsp:cNvSpPr/>
      </dsp:nvSpPr>
      <dsp:spPr>
        <a:xfrm>
          <a:off x="2009481" y="3585927"/>
          <a:ext cx="1570076" cy="785038"/>
        </a:xfrm>
        <a:prstGeom prst="rect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6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Traguardi</a:t>
          </a:r>
          <a:endParaRPr lang="it-IT" sz="1900" kern="1200" dirty="0"/>
        </a:p>
      </dsp:txBody>
      <dsp:txXfrm>
        <a:off x="2009481" y="3585927"/>
        <a:ext cx="1570076" cy="785038"/>
      </dsp:txXfrm>
    </dsp:sp>
    <dsp:sp modelId="{A5F99CA6-59A6-4607-B6B0-827CE54B284F}">
      <dsp:nvSpPr>
        <dsp:cNvPr id="0" name=""/>
        <dsp:cNvSpPr/>
      </dsp:nvSpPr>
      <dsp:spPr>
        <a:xfrm>
          <a:off x="3909274" y="3585927"/>
          <a:ext cx="1570076" cy="785038"/>
        </a:xfrm>
        <a:prstGeom prst="rect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6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Obiettivi</a:t>
          </a:r>
          <a:endParaRPr lang="it-IT" sz="1900" kern="1200" dirty="0"/>
        </a:p>
      </dsp:txBody>
      <dsp:txXfrm>
        <a:off x="3909274" y="3585927"/>
        <a:ext cx="1570076" cy="785038"/>
      </dsp:txXfrm>
    </dsp:sp>
    <dsp:sp modelId="{E1A1D4F0-6F03-44FE-9C0A-3D6325268DC7}">
      <dsp:nvSpPr>
        <dsp:cNvPr id="0" name=""/>
        <dsp:cNvSpPr/>
      </dsp:nvSpPr>
      <dsp:spPr>
        <a:xfrm>
          <a:off x="2009481" y="4700682"/>
          <a:ext cx="1570076" cy="915551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Potenziamento didattica laboratoriale</a:t>
          </a:r>
          <a:endParaRPr lang="it-IT" sz="1900" kern="1200" dirty="0"/>
        </a:p>
      </dsp:txBody>
      <dsp:txXfrm>
        <a:off x="2009481" y="4700682"/>
        <a:ext cx="1570076" cy="915551"/>
      </dsp:txXfrm>
    </dsp:sp>
    <dsp:sp modelId="{04923AD8-624C-4982-ACE1-057CA6297B4D}">
      <dsp:nvSpPr>
        <dsp:cNvPr id="0" name=""/>
        <dsp:cNvSpPr/>
      </dsp:nvSpPr>
      <dsp:spPr>
        <a:xfrm>
          <a:off x="3909274" y="4700682"/>
          <a:ext cx="1570076" cy="915417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Consolidare l’abilità cognitiva</a:t>
          </a:r>
          <a:endParaRPr lang="it-IT" sz="1900" kern="1200" dirty="0"/>
        </a:p>
      </dsp:txBody>
      <dsp:txXfrm>
        <a:off x="3909274" y="4700682"/>
        <a:ext cx="1570076" cy="915417"/>
      </dsp:txXfrm>
    </dsp:sp>
    <dsp:sp modelId="{3F7FCF97-5B32-401A-A100-C5620C5A62A0}">
      <dsp:nvSpPr>
        <dsp:cNvPr id="0" name=""/>
        <dsp:cNvSpPr/>
      </dsp:nvSpPr>
      <dsp:spPr>
        <a:xfrm>
          <a:off x="5809066" y="4700682"/>
          <a:ext cx="1570076" cy="915417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1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Utilizzo delle competenze d’indirizzo</a:t>
          </a:r>
          <a:endParaRPr lang="it-IT" sz="1900" kern="1200" dirty="0"/>
        </a:p>
      </dsp:txBody>
      <dsp:txXfrm>
        <a:off x="5809066" y="4700682"/>
        <a:ext cx="1570076" cy="915417"/>
      </dsp:txXfrm>
    </dsp:sp>
    <dsp:sp modelId="{6022F658-2437-4F5C-9F02-4DC6139C39C9}">
      <dsp:nvSpPr>
        <dsp:cNvPr id="0" name=""/>
        <dsp:cNvSpPr/>
      </dsp:nvSpPr>
      <dsp:spPr>
        <a:xfrm>
          <a:off x="109688" y="1356418"/>
          <a:ext cx="1570076" cy="785038"/>
        </a:xfrm>
        <a:prstGeom prst="rect">
          <a:avLst/>
        </a:prstGeom>
        <a:gradFill rotWithShape="0">
          <a:gsLst>
            <a:gs pos="0">
              <a:srgbClr val="A50021"/>
            </a:gs>
            <a:gs pos="78000">
              <a:srgbClr val="C00000"/>
            </a:gs>
            <a:gs pos="100000">
              <a:srgbClr val="FF0000">
                <a:alpha val="18000"/>
              </a:srgb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Legge 107</a:t>
          </a:r>
          <a:endParaRPr lang="it-IT" sz="1900" kern="1200" dirty="0"/>
        </a:p>
      </dsp:txBody>
      <dsp:txXfrm>
        <a:off x="109688" y="1356418"/>
        <a:ext cx="1570076" cy="785038"/>
      </dsp:txXfrm>
    </dsp:sp>
    <dsp:sp modelId="{802843A2-717F-4C47-A8AF-77F226AE35E8}">
      <dsp:nvSpPr>
        <dsp:cNvPr id="0" name=""/>
        <dsp:cNvSpPr/>
      </dsp:nvSpPr>
      <dsp:spPr>
        <a:xfrm>
          <a:off x="2009481" y="1356418"/>
          <a:ext cx="1570076" cy="785038"/>
        </a:xfrm>
        <a:prstGeom prst="rect">
          <a:avLst/>
        </a:prstGeom>
        <a:gradFill rotWithShape="0">
          <a:gsLst>
            <a:gs pos="0">
              <a:srgbClr val="A50021"/>
            </a:gs>
            <a:gs pos="78000">
              <a:srgbClr val="C00000"/>
            </a:gs>
            <a:gs pos="100000">
              <a:srgbClr val="FF0000">
                <a:alpha val="18000"/>
              </a:srgb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12065" tIns="12065" rIns="12065" bIns="12065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it-IT" sz="1900" kern="1200" dirty="0" smtClean="0"/>
            <a:t>Territorio</a:t>
          </a:r>
          <a:endParaRPr lang="it-IT" sz="1900" kern="1200" dirty="0"/>
        </a:p>
      </dsp:txBody>
      <dsp:txXfrm>
        <a:off x="2009481" y="1356418"/>
        <a:ext cx="1570076" cy="78503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3.png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3" name="Segnaposto dat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cs typeface="+mn-cs"/>
              </a:defRPr>
            </a:lvl1pPr>
          </a:lstStyle>
          <a:p>
            <a:pPr>
              <a:defRPr/>
            </a:pPr>
            <a:fld id="{E83DF90A-6CFD-4737-BD5B-75AB42C19171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4" name="Segnaposto immagine diapositiva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it-IT" noProof="0" smtClean="0"/>
          </a:p>
        </p:txBody>
      </p:sp>
      <p:sp>
        <p:nvSpPr>
          <p:cNvPr id="5" name="Segnaposto note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it-IT" noProof="0" smtClean="0"/>
              <a:t>Fare clic per modificare stili del testo dello schema</a:t>
            </a:r>
          </a:p>
          <a:p>
            <a:pPr lvl="1"/>
            <a:r>
              <a:rPr lang="it-IT" noProof="0" smtClean="0"/>
              <a:t>Secondo livello</a:t>
            </a:r>
          </a:p>
          <a:p>
            <a:pPr lvl="2"/>
            <a:r>
              <a:rPr lang="it-IT" noProof="0" smtClean="0"/>
              <a:t>Terzo livello</a:t>
            </a:r>
          </a:p>
          <a:p>
            <a:pPr lvl="3"/>
            <a:r>
              <a:rPr lang="it-IT" noProof="0" smtClean="0"/>
              <a:t>Quarto livello</a:t>
            </a:r>
          </a:p>
          <a:p>
            <a:pPr lvl="4"/>
            <a:r>
              <a:rPr lang="it-IT" noProof="0" smtClean="0"/>
              <a:t>Quinto livello</a:t>
            </a:r>
          </a:p>
        </p:txBody>
      </p:sp>
      <p:sp>
        <p:nvSpPr>
          <p:cNvPr id="6" name="Segnaposto piè di pagina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7" name="Segnaposto numero diapositiva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  <a:cs typeface="+mn-cs"/>
              </a:defRPr>
            </a:lvl1pPr>
          </a:lstStyle>
          <a:p>
            <a:pPr>
              <a:defRPr/>
            </a:pPr>
            <a:fld id="{75EE4AD7-55AA-4A04-9BC3-42EECF7661EF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6508977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ottotito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it-IT" smtClean="0"/>
              <a:t>Fare clic per modificare lo stile del sottotitolo dello schema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ED58F1B-2BB2-481B-8DB7-6BBC51A40E4F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41A6302-6DE3-4ACE-AEEA-9BA3D276EB88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10688702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verticale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0EFEBD8-ED12-455B-BAEF-B2218DABD6B8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0841B7-C056-4080-83EB-CAD0A800A039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19265988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1_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vertica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verticale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A08213B-A16C-4114-8592-5A1F071DA031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3576A69-FA04-4012-AB68-7667518E2F7F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09801261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olo e contenu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430008-A081-49F9-972B-7461B972B8FC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B90C912-FFE3-4ECB-AB89-717973264429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34744624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Intestazione sezi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8D1E701-BD98-4D99-BF0D-0DC33AE59FF3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44BB42-7269-451A-B978-68BA032EBACF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95860372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e contenu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contenuto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5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E480ACC-FF87-4080-B706-DFE848A703D6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6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7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CF0B1D-067B-44CC-BAB2-6745C657C1E8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40907298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nfron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4" name="Segnaposto contenuto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5" name="Segnaposto testo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6" name="Segnaposto contenuto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7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66AA96F-DD22-4E74-97A7-0B7981249A49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8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9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F5CDC86-A0A4-4843-ABDD-288E64BB4FBC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41132324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lo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A820B5A-3F55-41AB-892D-8BAF654D5C68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4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5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9554078-CF77-4D3F-9AB4-1FFEF23F7E57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92450859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uo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FCA1996-E265-46B2-AE2F-E752CE2536B0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3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4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3F3BB86-F765-4354-A388-3B5763AC926E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86872043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to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testo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5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39388C0-52D3-4555-8009-A53861AF9495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6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7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0D1DBD0-5348-468E-9700-E1441E908786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1320409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magine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immagine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it-IT" noProof="0" smtClean="0"/>
              <a:t>Fare clic sull'icona per inserire un'immagine</a:t>
            </a:r>
            <a:endParaRPr lang="it-IT" noProof="0"/>
          </a:p>
        </p:txBody>
      </p:sp>
      <p:sp>
        <p:nvSpPr>
          <p:cNvPr id="4" name="Segnaposto testo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5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2FE88FD-5064-47A2-812E-10760B89A8C8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6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7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CE53775-5422-4C53-BFF5-E594C088F381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7873373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1">
          <a:gsLst>
            <a:gs pos="0">
              <a:srgbClr val="9AB5E4"/>
            </a:gs>
            <a:gs pos="50000">
              <a:srgbClr val="C2D1ED"/>
            </a:gs>
            <a:gs pos="100000">
              <a:srgbClr val="E1E8F5"/>
            </a:gs>
          </a:gsLst>
          <a:lin ang="54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Segnaposto titolo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it-IT" altLang="it-IT" smtClean="0"/>
              <a:t>Fare clic per modificare lo stile del titolo</a:t>
            </a:r>
          </a:p>
        </p:txBody>
      </p:sp>
      <p:sp>
        <p:nvSpPr>
          <p:cNvPr id="1027" name="Segnaposto testo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it-IT" altLang="it-IT" smtClean="0"/>
              <a:t>Fare clic per modificare stili del testo dello schema</a:t>
            </a:r>
          </a:p>
          <a:p>
            <a:pPr lvl="1"/>
            <a:r>
              <a:rPr lang="it-IT" altLang="it-IT" smtClean="0"/>
              <a:t>Secondo livello</a:t>
            </a:r>
          </a:p>
          <a:p>
            <a:pPr lvl="2"/>
            <a:r>
              <a:rPr lang="it-IT" altLang="it-IT" smtClean="0"/>
              <a:t>Terzo livello</a:t>
            </a:r>
          </a:p>
          <a:p>
            <a:pPr lvl="3"/>
            <a:r>
              <a:rPr lang="it-IT" altLang="it-IT" smtClean="0"/>
              <a:t>Quarto livello</a:t>
            </a:r>
          </a:p>
          <a:p>
            <a:pPr lvl="4"/>
            <a:r>
              <a:rPr lang="it-IT" altLang="it-IT" smtClean="0"/>
              <a:t>Quinto livello</a:t>
            </a:r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428F2B0C-FED9-47EC-BB9E-F56D52870B80}" type="datetimeFigureOut">
              <a:rPr lang="it-IT"/>
              <a:pPr>
                <a:defRPr/>
              </a:pPr>
              <a:t>16/09/2016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BD019D30-C36F-42C6-84E8-A1036C4E46D8}" type="slidenum">
              <a:rPr lang="it-IT"/>
              <a:pPr>
                <a:defRPr/>
              </a:pPr>
              <a:t>‹N›</a:t>
            </a:fld>
            <a:endParaRPr lang="it-IT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rtl="0" eaLnBrk="1" fontAlgn="base" hangingPunct="1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it-IT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9.png"/><Relationship Id="rId4" Type="http://schemas.openxmlformats.org/officeDocument/2006/relationships/oleObject" Target="../embeddings/oleObject1.bin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.bin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14.jpeg"/><Relationship Id="rId4" Type="http://schemas.openxmlformats.org/officeDocument/2006/relationships/image" Target="../media/image1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7.jpeg"/><Relationship Id="rId4" Type="http://schemas.openxmlformats.org/officeDocument/2006/relationships/image" Target="../media/image16.jpe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jpeg"/><Relationship Id="rId3" Type="http://schemas.openxmlformats.org/officeDocument/2006/relationships/diagramLayout" Target="../diagrams/layout1.xml"/><Relationship Id="rId7" Type="http://schemas.openxmlformats.org/officeDocument/2006/relationships/image" Target="../media/image2.jpe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-244475" y="0"/>
            <a:ext cx="9388475" cy="7037388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sp>
        <p:nvSpPr>
          <p:cNvPr id="4" name="CasellaDiTesto 3"/>
          <p:cNvSpPr txBox="1"/>
          <p:nvPr/>
        </p:nvSpPr>
        <p:spPr>
          <a:xfrm>
            <a:off x="1357290" y="5786454"/>
            <a:ext cx="5929313" cy="83099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sz="2400" b="1" i="1" dirty="0" smtClean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Stefania </a:t>
            </a:r>
            <a:r>
              <a:rPr lang="it-IT" sz="2400" b="1" i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Sebastiani</a:t>
            </a:r>
            <a:r>
              <a:rPr lang="it-IT" sz="2400" b="1" i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charset="-122"/>
              </a:rPr>
              <a:t/>
            </a:r>
            <a:br>
              <a:rPr lang="it-IT" sz="2400" b="1" i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charset="-122"/>
              </a:rPr>
            </a:br>
            <a:r>
              <a:rPr lang="it-IT" sz="2400" b="1" i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R</a:t>
            </a:r>
            <a:r>
              <a:rPr lang="it-IT" sz="2400" b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oma,  19  settembre 2016</a:t>
            </a:r>
            <a:endParaRPr lang="it-IT" sz="2400" b="1" dirty="0">
              <a:solidFill>
                <a:srgbClr val="FFCC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ea typeface="Microsoft YaHei" charset="-122"/>
            </a:endParaRPr>
          </a:p>
        </p:txBody>
      </p:sp>
      <p:sp>
        <p:nvSpPr>
          <p:cNvPr id="5" name="Rettangolo 4"/>
          <p:cNvSpPr/>
          <p:nvPr/>
        </p:nvSpPr>
        <p:spPr>
          <a:xfrm>
            <a:off x="1571604" y="836712"/>
            <a:ext cx="5500726" cy="34163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it-IT" sz="3600" b="1" i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L’alternanza scuola </a:t>
            </a:r>
            <a:r>
              <a:rPr lang="it-IT" sz="3600" b="1" i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lavoro:  </a:t>
            </a:r>
            <a:r>
              <a:rPr lang="it-IT" sz="3600" b="1" i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opportunità di sperimentazione e </a:t>
            </a:r>
            <a:r>
              <a:rPr lang="it-IT" sz="3600" b="1" i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costruzione</a:t>
            </a:r>
            <a:endParaRPr lang="it-IT" sz="3600" b="1" i="1" dirty="0">
              <a:solidFill>
                <a:srgbClr val="FFFF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Calibri" pitchFamily="32" charset="0"/>
              <a:ea typeface="Microsoft YaHei" charset="-122"/>
            </a:endParaRPr>
          </a:p>
          <a:p>
            <a:pPr algn="ctr"/>
            <a:r>
              <a:rPr lang="it-IT" sz="3600" b="1" i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 </a:t>
            </a:r>
            <a:r>
              <a:rPr lang="it-IT" sz="3600" b="1" i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di </a:t>
            </a:r>
            <a:r>
              <a:rPr lang="it-IT" sz="3600" b="1" i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competenze: </a:t>
            </a:r>
          </a:p>
          <a:p>
            <a:pPr algn="ctr"/>
            <a:r>
              <a:rPr lang="it-IT" sz="3600" b="1" i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Il «Modello Marche» </a:t>
            </a:r>
            <a:endParaRPr lang="it-IT" sz="3600" b="1" i="1" dirty="0">
              <a:solidFill>
                <a:srgbClr val="FFFF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Calibri" pitchFamily="32" charset="0"/>
              <a:ea typeface="Microsoft YaHei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197768" y="1484784"/>
            <a:ext cx="4572000" cy="4801314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it-IT" b="1" u="sng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seguito lo studente attuerà l’ attività in autonomia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:</a:t>
            </a:r>
          </a:p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secuzione della campagna di monitoraggi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rattamento e campionamento di  campioni di acqua e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edimento (Ghiaccio antartico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Uso ed applicazione delle  norme  di  sicurezza in laboratori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Uso ed  applicazione del  metodo di analisi chimico – biologica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alisi dei campion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laborazione dei da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alisi statistica dei risulta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stituzione grafica dei da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lazione finale  </a:t>
            </a:r>
          </a:p>
        </p:txBody>
      </p:sp>
      <p:sp>
        <p:nvSpPr>
          <p:cNvPr id="7" name="CasellaDiTesto 6"/>
          <p:cNvSpPr txBox="1"/>
          <p:nvPr/>
        </p:nvSpPr>
        <p:spPr>
          <a:xfrm>
            <a:off x="46750" y="25529"/>
            <a:ext cx="2437018" cy="1138773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° FASE:</a:t>
            </a:r>
          </a:p>
          <a:p>
            <a:pPr algn="ctr"/>
            <a:r>
              <a:rPr lang="it-IT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ipartizione dei compiti tra scuola e </a:t>
            </a:r>
            <a:r>
              <a:rPr lang="it-IT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resa</a:t>
            </a:r>
            <a:endParaRPr lang="it-IT" sz="16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8" name="Immagine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95918" y="107950"/>
            <a:ext cx="1040132" cy="10350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3" name="Oggetto 2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209391258"/>
              </p:ext>
            </p:extLst>
          </p:nvPr>
        </p:nvGraphicFramePr>
        <p:xfrm>
          <a:off x="4690965" y="3284984"/>
          <a:ext cx="4332348" cy="317945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17" name="Immagine bitmap" r:id="rId4" imgW="14866667" imgH="10914286" progId="PBrush">
                  <p:embed/>
                </p:oleObj>
              </mc:Choice>
              <mc:Fallback>
                <p:oleObj name="Immagine bitmap" r:id="rId4" imgW="14866667" imgH="10914286" progId="PBrush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90965" y="3284984"/>
                        <a:ext cx="4332348" cy="317945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9863085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magine 1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508105" y="3414995"/>
            <a:ext cx="3456384" cy="3254365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sp>
        <p:nvSpPr>
          <p:cNvPr id="3" name="Rettangolo 2"/>
          <p:cNvSpPr/>
          <p:nvPr/>
        </p:nvSpPr>
        <p:spPr>
          <a:xfrm>
            <a:off x="125460" y="4110545"/>
            <a:ext cx="4014646" cy="1754326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attori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successo misurati  </a:t>
            </a:r>
            <a:endParaRPr lang="it-IT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ai docenti di </a:t>
            </a: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taliano, Matematica e Inglese</a:t>
            </a: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Indirizzo (Chimica Organica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, Analisi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imica, Impianti e Tecnologie Chimiche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CasellaDiTesto 3"/>
          <p:cNvSpPr txBox="1"/>
          <p:nvPr/>
        </p:nvSpPr>
        <p:spPr>
          <a:xfrm>
            <a:off x="46750" y="25529"/>
            <a:ext cx="2437018" cy="1138773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° FASE:</a:t>
            </a:r>
          </a:p>
          <a:p>
            <a:pPr algn="ctr"/>
            <a:r>
              <a:rPr lang="it-IT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ipartizione dei compiti tra scuola e </a:t>
            </a:r>
            <a:r>
              <a:rPr lang="it-IT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resa</a:t>
            </a:r>
            <a:endParaRPr lang="it-IT" sz="16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6" name="Connettore 2 5"/>
          <p:cNvCxnSpPr/>
          <p:nvPr/>
        </p:nvCxnSpPr>
        <p:spPr>
          <a:xfrm>
            <a:off x="2483768" y="786585"/>
            <a:ext cx="941701" cy="142085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CasellaDiTesto 6"/>
          <p:cNvSpPr txBox="1"/>
          <p:nvPr/>
        </p:nvSpPr>
        <p:spPr>
          <a:xfrm>
            <a:off x="3577909" y="142060"/>
            <a:ext cx="402731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dividuazione aree d’intervento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9" name="Connettore 2 8"/>
          <p:cNvCxnSpPr/>
          <p:nvPr/>
        </p:nvCxnSpPr>
        <p:spPr>
          <a:xfrm>
            <a:off x="2483768" y="428604"/>
            <a:ext cx="941701" cy="0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CasellaDiTesto 9"/>
          <p:cNvSpPr txBox="1"/>
          <p:nvPr/>
        </p:nvSpPr>
        <p:spPr>
          <a:xfrm>
            <a:off x="3453392" y="672961"/>
            <a:ext cx="5535497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ocessualità dei compiti da svolgere in azienda </a:t>
            </a:r>
          </a:p>
        </p:txBody>
      </p:sp>
      <p:cxnSp>
        <p:nvCxnSpPr>
          <p:cNvPr id="12" name="Connettore 2 11"/>
          <p:cNvCxnSpPr/>
          <p:nvPr/>
        </p:nvCxnSpPr>
        <p:spPr>
          <a:xfrm flipH="1">
            <a:off x="3336137" y="1316636"/>
            <a:ext cx="571504" cy="200386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nettore 2 13"/>
          <p:cNvCxnSpPr/>
          <p:nvPr/>
        </p:nvCxnSpPr>
        <p:spPr>
          <a:xfrm>
            <a:off x="4071934" y="1691848"/>
            <a:ext cx="857256" cy="272673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CasellaDiTesto 14"/>
          <p:cNvSpPr txBox="1"/>
          <p:nvPr/>
        </p:nvSpPr>
        <p:spPr>
          <a:xfrm>
            <a:off x="115332" y="1316636"/>
            <a:ext cx="3137511" cy="923330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vvio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: Presentazione attività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partimento e colloquio con gli studenti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6" name="CasellaDiTesto 15"/>
          <p:cNvSpPr txBox="1"/>
          <p:nvPr/>
        </p:nvSpPr>
        <p:spPr>
          <a:xfrm>
            <a:off x="145567" y="2630719"/>
            <a:ext cx="2873175" cy="923330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gni singolo studente deve svolgere la propria attività in autonomia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19" name="Connettore 2 18"/>
          <p:cNvCxnSpPr/>
          <p:nvPr/>
        </p:nvCxnSpPr>
        <p:spPr>
          <a:xfrm flipH="1">
            <a:off x="3336137" y="1582932"/>
            <a:ext cx="707335" cy="489806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CasellaDiTesto 19"/>
          <p:cNvSpPr txBox="1"/>
          <p:nvPr/>
        </p:nvSpPr>
        <p:spPr>
          <a:xfrm>
            <a:off x="3983094" y="2072738"/>
            <a:ext cx="5035431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videnziazione  fin dalla progettazione dei fattori di successo relativi a Competenze associate (delineate nelle 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inee guida nazionali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cxnSp>
        <p:nvCxnSpPr>
          <p:cNvPr id="24" name="Connettore 2 23"/>
          <p:cNvCxnSpPr/>
          <p:nvPr/>
        </p:nvCxnSpPr>
        <p:spPr>
          <a:xfrm flipH="1">
            <a:off x="3000364" y="3092384"/>
            <a:ext cx="857256" cy="645222"/>
          </a:xfrm>
          <a:prstGeom prst="straightConnector1">
            <a:avLst/>
          </a:prstGeom>
          <a:ln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1" name="Immagine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789" y="142060"/>
            <a:ext cx="647700" cy="64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CasellaDiTesto 22"/>
          <p:cNvSpPr txBox="1"/>
          <p:nvPr/>
        </p:nvSpPr>
        <p:spPr>
          <a:xfrm>
            <a:off x="4043472" y="1195126"/>
            <a:ext cx="4921017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requisiti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: definizione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ngiunta percorsi comuni e personalizzati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CasellaDiTesto 17"/>
          <p:cNvSpPr txBox="1"/>
          <p:nvPr/>
        </p:nvSpPr>
        <p:spPr>
          <a:xfrm>
            <a:off x="298068" y="177779"/>
            <a:ext cx="264320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° FASE</a:t>
            </a:r>
          </a:p>
        </p:txBody>
      </p:sp>
      <p:sp>
        <p:nvSpPr>
          <p:cNvPr id="20" name="Freccia a destra 19"/>
          <p:cNvSpPr/>
          <p:nvPr/>
        </p:nvSpPr>
        <p:spPr>
          <a:xfrm rot="1842495">
            <a:off x="1345453" y="619888"/>
            <a:ext cx="857256" cy="571504"/>
          </a:xfrm>
          <a:prstGeom prst="rightArrow">
            <a:avLst/>
          </a:prstGeom>
          <a:solidFill>
            <a:schemeClr val="bg1"/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21" name="CasellaDiTesto 20"/>
          <p:cNvSpPr txBox="1"/>
          <p:nvPr/>
        </p:nvSpPr>
        <p:spPr>
          <a:xfrm>
            <a:off x="2411760" y="123744"/>
            <a:ext cx="5781820" cy="1754326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cheda di valutazione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lo Studente corredata di </a:t>
            </a:r>
          </a:p>
          <a:p>
            <a:pPr algn="ctr"/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ubrica delle Competenze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lo studente di Chimica  (ruolo implicato: Diploma di istituto tecnico settore tecnologico- indirizzo Chimica, materiali e biotecnologie articolazione Chimica e materiali)</a:t>
            </a:r>
          </a:p>
        </p:txBody>
      </p:sp>
      <p:pic>
        <p:nvPicPr>
          <p:cNvPr id="22" name="Picture 1" descr="C:\Users\s21181\AppData\Local\Temp\IMAG0912.jpg"/>
          <p:cNvPicPr>
            <a:picLocks noChangeAspect="1" noChangeArrowheads="1"/>
          </p:cNvPicPr>
          <p:nvPr/>
        </p:nvPicPr>
        <p:blipFill>
          <a:blip r:embed="rId2" cstate="print"/>
          <a:srcRect l="12471" t="1696" r="19450" b="10113"/>
          <a:stretch>
            <a:fillRect/>
          </a:stretch>
        </p:blipFill>
        <p:spPr bwMode="auto">
          <a:xfrm>
            <a:off x="179512" y="2132856"/>
            <a:ext cx="6120680" cy="4445015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sp>
        <p:nvSpPr>
          <p:cNvPr id="23" name="CasellaDiTesto 22"/>
          <p:cNvSpPr txBox="1"/>
          <p:nvPr/>
        </p:nvSpPr>
        <p:spPr>
          <a:xfrm>
            <a:off x="6610362" y="3714752"/>
            <a:ext cx="2428892" cy="2031325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n l’indicazione dei compiti di realtà (ad esempio del Tecnico di monitoraggio dell’ambiente marino costiero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7" name="Immagine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91554" y="177779"/>
            <a:ext cx="647700" cy="64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tangolo 2"/>
          <p:cNvSpPr/>
          <p:nvPr/>
        </p:nvSpPr>
        <p:spPr>
          <a:xfrm>
            <a:off x="4283968" y="836712"/>
            <a:ext cx="4500594" cy="2308324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n indicazione specifica di </a:t>
            </a:r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ocus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(precisione, raccolta, rielaborazione statistica, lingua inglese, autonomia, intraprendenza, collaborazione con il team, efficacia nella presentazione) quattro livelli d</a:t>
            </a:r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scrittor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, </a:t>
            </a:r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unteggi, competenze e compiti di realtà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mpilate da</a:t>
            </a:r>
          </a:p>
        </p:txBody>
      </p:sp>
      <p:sp>
        <p:nvSpPr>
          <p:cNvPr id="4" name="CasellaDiTesto 3"/>
          <p:cNvSpPr txBox="1"/>
          <p:nvPr/>
        </p:nvSpPr>
        <p:spPr>
          <a:xfrm>
            <a:off x="0" y="285728"/>
            <a:ext cx="264320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° FASE</a:t>
            </a:r>
          </a:p>
        </p:txBody>
      </p:sp>
      <p:sp>
        <p:nvSpPr>
          <p:cNvPr id="5" name="Rettangolo 4"/>
          <p:cNvSpPr/>
          <p:nvPr/>
        </p:nvSpPr>
        <p:spPr>
          <a:xfrm>
            <a:off x="1321603" y="116451"/>
            <a:ext cx="313419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ubrica delle Competenze </a:t>
            </a:r>
            <a:endParaRPr lang="it-IT" u="sng" dirty="0"/>
          </a:p>
        </p:txBody>
      </p:sp>
      <p:sp>
        <p:nvSpPr>
          <p:cNvPr id="8" name="CasellaDiTesto 7"/>
          <p:cNvSpPr txBox="1"/>
          <p:nvPr/>
        </p:nvSpPr>
        <p:spPr>
          <a:xfrm>
            <a:off x="6554211" y="3829396"/>
            <a:ext cx="2392224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Verificate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x – post itinere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dal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utor aziendale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e dai membri del C. d. C.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9" name="Freccia in giù 8"/>
          <p:cNvSpPr/>
          <p:nvPr/>
        </p:nvSpPr>
        <p:spPr>
          <a:xfrm rot="2427171">
            <a:off x="4911463" y="3281888"/>
            <a:ext cx="571504" cy="428628"/>
          </a:xfrm>
          <a:prstGeom prst="down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0" name="Freccia in giù 9"/>
          <p:cNvSpPr/>
          <p:nvPr/>
        </p:nvSpPr>
        <p:spPr>
          <a:xfrm>
            <a:off x="6130788" y="5445224"/>
            <a:ext cx="571504" cy="428628"/>
          </a:xfrm>
          <a:prstGeom prst="down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1" name="CasellaDiTesto 10"/>
          <p:cNvSpPr txBox="1"/>
          <p:nvPr/>
        </p:nvSpPr>
        <p:spPr>
          <a:xfrm>
            <a:off x="4054208" y="3829396"/>
            <a:ext cx="2286016" cy="1477328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peratori di laboratorio e finalizzate alla valutazione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itinere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3" name="Picture 6" descr="C:\Documents and Settings\pj.artechimica\Desktop\06072005 145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9512" y="908720"/>
            <a:ext cx="3707904" cy="55361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sp>
        <p:nvSpPr>
          <p:cNvPr id="12" name="Freccia in giù 11"/>
          <p:cNvSpPr/>
          <p:nvPr/>
        </p:nvSpPr>
        <p:spPr>
          <a:xfrm rot="19243442">
            <a:off x="7353376" y="3281888"/>
            <a:ext cx="571504" cy="428628"/>
          </a:xfrm>
          <a:prstGeom prst="down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2" name="CasellaDiTesto 1"/>
          <p:cNvSpPr txBox="1"/>
          <p:nvPr/>
        </p:nvSpPr>
        <p:spPr>
          <a:xfrm>
            <a:off x="4413920" y="6021288"/>
            <a:ext cx="393216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 base ai compiti assegnati</a:t>
            </a: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 ai criteri di successo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4" name="Immagine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90729" y="49055"/>
            <a:ext cx="647700" cy="64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179512" y="0"/>
            <a:ext cx="8784976" cy="39703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Fattori di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uccesso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it-IT" b="1" i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tipo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qualitativo: </a:t>
            </a:r>
            <a:r>
              <a:rPr lang="it-IT" b="1" i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er la progettazione didattica analitica,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cisati </a:t>
            </a:r>
            <a:r>
              <a:rPr lang="it-IT" b="1" i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traverso una </a:t>
            </a:r>
            <a:r>
              <a:rPr lang="it-IT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ubrica</a:t>
            </a:r>
          </a:p>
          <a:p>
            <a:pPr algn="ctr"/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artecipazione alla campagna di campionament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accolta di tutti i campioni previs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cisione dei risultati acquisi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enacia nel portare a termine l’incaric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apersi coordinare con i collegh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ivello di autonomia nello svolgimento delle mansioni assegnate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mpletezza  del rapporto finale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mestichezza nel padroneggiare gli strumenti linguistici della lingua italiana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rganizzazione logica dei contenuti linguistici</a:t>
            </a:r>
          </a:p>
          <a:p>
            <a:r>
              <a:rPr lang="it-IT" dirty="0"/>
              <a:t> </a:t>
            </a:r>
          </a:p>
        </p:txBody>
      </p:sp>
      <p:graphicFrame>
        <p:nvGraphicFramePr>
          <p:cNvPr id="3" name="Oggetto 2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695875540"/>
              </p:ext>
            </p:extLst>
          </p:nvPr>
        </p:nvGraphicFramePr>
        <p:xfrm>
          <a:off x="395536" y="4005064"/>
          <a:ext cx="3367038" cy="260331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301" name="Immagine bitmap" r:id="rId3" imgW="12466667" imgH="9209524" progId="PBrush">
                  <p:embed/>
                </p:oleObj>
              </mc:Choice>
              <mc:Fallback>
                <p:oleObj name="Immagine bitmap" r:id="rId3" imgW="12466667" imgH="9209524" progId="PBrush">
                  <p:embed/>
                  <p:pic>
                    <p:nvPicPr>
                      <p:cNvPr id="0" name="Picture 1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95536" y="4005064"/>
                        <a:ext cx="3367038" cy="2603315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" name="Picture 2" descr="C:\Users\stefania\Desktop\STEFANIA\DOCUMENTI ITIS\ARCHEOCHIMICA 14 15 3\FOTO ARCHEOCHIM 2015\FOTO 28 maggio 2015\DSC_1936.JPG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847" t="4855" r="18478"/>
          <a:stretch/>
        </p:blipFill>
        <p:spPr bwMode="auto">
          <a:xfrm>
            <a:off x="5910403" y="3645024"/>
            <a:ext cx="2801549" cy="3041386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494578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asellaDiTesto 2"/>
          <p:cNvSpPr txBox="1"/>
          <p:nvPr/>
        </p:nvSpPr>
        <p:spPr>
          <a:xfrm>
            <a:off x="179512" y="214290"/>
            <a:ext cx="124290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3° FASE</a:t>
            </a:r>
          </a:p>
        </p:txBody>
      </p:sp>
      <p:sp>
        <p:nvSpPr>
          <p:cNvPr id="4" name="Rettangolo 3"/>
          <p:cNvSpPr/>
          <p:nvPr/>
        </p:nvSpPr>
        <p:spPr>
          <a:xfrm>
            <a:off x="3005438" y="120151"/>
            <a:ext cx="5238969" cy="1200329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sentazione</a:t>
            </a:r>
            <a:r>
              <a:rPr lang="it-IT" dirty="0" smtClean="0"/>
              <a:t>  </a:t>
            </a:r>
            <a:r>
              <a:rPr lang="it-IT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pt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 </a:t>
            </a:r>
            <a:r>
              <a:rPr lang="it-IT" dirty="0" smtClean="0"/>
              <a:t>effettuata da ciascun alunno di fronte ai rappresentanti </a:t>
            </a:r>
            <a:r>
              <a:rPr lang="it-IT" b="1" dirty="0" smtClean="0"/>
              <a:t>delle associazioni  di categoria</a:t>
            </a:r>
            <a:r>
              <a:rPr lang="it-IT" dirty="0" smtClean="0"/>
              <a:t> e  agli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tudenti </a:t>
            </a:r>
            <a:r>
              <a:rPr lang="it-IT" dirty="0" smtClean="0"/>
              <a:t>delle altre classi di indirizzo (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rientamento interno)</a:t>
            </a:r>
            <a:endParaRPr lang="it-IT" dirty="0"/>
          </a:p>
        </p:txBody>
      </p:sp>
      <p:pic>
        <p:nvPicPr>
          <p:cNvPr id="6" name="Immagin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300" y="214290"/>
            <a:ext cx="647700" cy="64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2" descr="C:\Users\stefania\Desktop\STEFANIA\DOCUMENTI ITIS\ARCHECHIMICA 1314  2\conferenza 11-04-2014\DSC_1251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837" t="21378" r="12581" b="1683"/>
          <a:stretch/>
        </p:blipFill>
        <p:spPr bwMode="auto">
          <a:xfrm rot="20949736">
            <a:off x="405695" y="622682"/>
            <a:ext cx="2434530" cy="2303494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5" descr="C:\Users\stefania\Desktop\STEFANIA\DOCUMENTI ITIS\ARCHEOCHIMICA 14 15 3\FOTO ARCHEOCHIM 2015\FOTO 28 maggio 2015\DSC_1934.JP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950" t="31742"/>
          <a:stretch/>
        </p:blipFill>
        <p:spPr bwMode="auto">
          <a:xfrm>
            <a:off x="5220072" y="1485042"/>
            <a:ext cx="2832552" cy="226891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2" descr="C:\Users\stefania\Desktop\STEFANIA\DOCUMENTI ITIS\ARCHECHIMICA 1314  2\conferenza 11-04-2014\DSC_1257.jpg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137" r="-225" b="29786"/>
          <a:stretch/>
        </p:blipFill>
        <p:spPr bwMode="auto">
          <a:xfrm>
            <a:off x="220848" y="4221087"/>
            <a:ext cx="8846339" cy="2552131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323528" y="116632"/>
            <a:ext cx="7992888" cy="646331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eam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lavoro qualificato tecnicamente finalizzato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lla </a:t>
            </a: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fferta 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servizi e consulenze alle aziende</a:t>
            </a:r>
          </a:p>
        </p:txBody>
      </p:sp>
      <p:sp>
        <p:nvSpPr>
          <p:cNvPr id="3" name="Rettangolo 2"/>
          <p:cNvSpPr/>
          <p:nvPr/>
        </p:nvSpPr>
        <p:spPr>
          <a:xfrm>
            <a:off x="1043608" y="1052736"/>
            <a:ext cx="6552728" cy="1200329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ertificazione e la Valorizzazione del lavoro concretamente  effettuato, pubblicato nel sito del Ministero  dell’Istruzione, Università  e Ricerca (MIUR) e definito: “Modello Marche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”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4" name="Immagin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300" y="214290"/>
            <a:ext cx="647700" cy="644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2" descr="C:\Users\stefania\Desktop\STEFANIA\DOCUMENTI ITIS\ARCHECHIMICA 1314  2\conferenza 11-04-2014\DSC_1268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10" t="18613" r="15674" b="5368"/>
          <a:stretch/>
        </p:blipFill>
        <p:spPr bwMode="auto">
          <a:xfrm>
            <a:off x="1273798" y="2492896"/>
            <a:ext cx="5688631" cy="4199661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566758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2590649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4427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-244475" y="0"/>
            <a:ext cx="9388475" cy="7037388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sp>
        <p:nvSpPr>
          <p:cNvPr id="6" name="CasellaDiTesto 5"/>
          <p:cNvSpPr txBox="1"/>
          <p:nvPr/>
        </p:nvSpPr>
        <p:spPr>
          <a:xfrm>
            <a:off x="2555875" y="115888"/>
            <a:ext cx="3671888" cy="64770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sz="36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COMPETENZE</a:t>
            </a:r>
            <a:r>
              <a:rPr lang="it-IT" sz="3600" b="1" dirty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*</a:t>
            </a:r>
          </a:p>
        </p:txBody>
      </p:sp>
      <p:sp>
        <p:nvSpPr>
          <p:cNvPr id="7" name="Text Box 4"/>
          <p:cNvSpPr txBox="1">
            <a:spLocks noChangeArrowheads="1"/>
          </p:cNvSpPr>
          <p:nvPr/>
        </p:nvSpPr>
        <p:spPr bwMode="auto">
          <a:xfrm>
            <a:off x="2195513" y="1238250"/>
            <a:ext cx="4645025" cy="36830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 algn="ctr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COMPROVATA</a:t>
            </a:r>
            <a:r>
              <a:rPr lang="it-IT" b="1" dirty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  </a:t>
            </a: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CAPACITA’ DI USARE</a:t>
            </a:r>
          </a:p>
        </p:txBody>
      </p:sp>
      <p:sp>
        <p:nvSpPr>
          <p:cNvPr id="8" name="Text Box 8"/>
          <p:cNvSpPr txBox="1">
            <a:spLocks noChangeArrowheads="1"/>
          </p:cNvSpPr>
          <p:nvPr/>
        </p:nvSpPr>
        <p:spPr bwMode="auto">
          <a:xfrm>
            <a:off x="187325" y="2576513"/>
            <a:ext cx="1836738" cy="36830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CONOSCENZE</a:t>
            </a:r>
          </a:p>
        </p:txBody>
      </p:sp>
      <p:sp>
        <p:nvSpPr>
          <p:cNvPr id="9" name="Text Box 9"/>
          <p:cNvSpPr txBox="1">
            <a:spLocks noChangeArrowheads="1"/>
          </p:cNvSpPr>
          <p:nvPr/>
        </p:nvSpPr>
        <p:spPr bwMode="auto">
          <a:xfrm>
            <a:off x="6497638" y="2568575"/>
            <a:ext cx="1235075" cy="36830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ABILITA’</a:t>
            </a: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79500" y="3114675"/>
            <a:ext cx="6408738" cy="368300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CAPACITA’ PERSONALI SOCIALI E/O METODOLOGICHE</a:t>
            </a:r>
          </a:p>
        </p:txBody>
      </p:sp>
      <p:sp>
        <p:nvSpPr>
          <p:cNvPr id="11" name="Text Box 13"/>
          <p:cNvSpPr txBox="1">
            <a:spLocks noChangeArrowheads="1"/>
          </p:cNvSpPr>
          <p:nvPr/>
        </p:nvSpPr>
        <p:spPr bwMode="auto">
          <a:xfrm>
            <a:off x="2857488" y="4786322"/>
            <a:ext cx="2928958" cy="648512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wrap="square" lIns="90000" tIns="46800" rIns="90000" bIns="46800">
            <a:spAutoFit/>
          </a:bodyPr>
          <a:lstStyle/>
          <a:p>
            <a:pPr marL="284163" indent="-284163" algn="ctr">
              <a:buClr>
                <a:srgbClr val="FF0000"/>
              </a:buClr>
              <a:buSzPct val="100000"/>
              <a:tabLst>
                <a:tab pos="284163" algn="l"/>
                <a:tab pos="1198563" algn="l"/>
                <a:tab pos="2112963" algn="l"/>
                <a:tab pos="3027363" algn="l"/>
                <a:tab pos="3941763" algn="l"/>
                <a:tab pos="4856163" algn="l"/>
                <a:tab pos="5770563" algn="l"/>
                <a:tab pos="6684963" algn="l"/>
                <a:tab pos="7599363" algn="l"/>
                <a:tab pos="8513763" algn="l"/>
                <a:tab pos="9428163" algn="l"/>
                <a:tab pos="10342563" algn="l"/>
              </a:tabLst>
              <a:defRPr/>
            </a:pPr>
            <a:r>
              <a:rPr lang="it-IT" b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IN </a:t>
            </a: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SITUAZIONI </a:t>
            </a:r>
            <a:r>
              <a:rPr lang="it-IT" b="1" dirty="0" err="1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DI</a:t>
            </a: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 </a:t>
            </a:r>
            <a:r>
              <a:rPr lang="it-IT" b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LAVORO</a:t>
            </a:r>
            <a:endParaRPr lang="it-IT" b="1" dirty="0">
              <a:solidFill>
                <a:srgbClr val="FFFF00"/>
              </a:solidFill>
              <a:effectLst>
                <a:outerShdw blurRad="38100" dist="38100" dir="2700000" algn="tl">
                  <a:srgbClr val="C0C0C0"/>
                </a:outerShdw>
              </a:effectLst>
              <a:ea typeface="+mn-ea"/>
              <a:cs typeface="Arial" charset="0"/>
            </a:endParaRPr>
          </a:p>
        </p:txBody>
      </p:sp>
      <p:sp>
        <p:nvSpPr>
          <p:cNvPr id="12" name="Text Box 15"/>
          <p:cNvSpPr txBox="1">
            <a:spLocks noChangeArrowheads="1"/>
          </p:cNvSpPr>
          <p:nvPr/>
        </p:nvSpPr>
        <p:spPr bwMode="auto">
          <a:xfrm>
            <a:off x="0" y="6602413"/>
            <a:ext cx="9144000" cy="255587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sz="1050" b="1" i="1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+mn-ea"/>
                <a:cs typeface="Arial" charset="0"/>
              </a:rPr>
              <a:t>* </a:t>
            </a:r>
            <a:r>
              <a:rPr lang="it-IT" sz="1050" b="1" i="1" dirty="0">
                <a:solidFill>
                  <a:srgbClr val="FFCC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+mn-ea"/>
                <a:cs typeface="Arial" charset="0"/>
              </a:rPr>
              <a:t>Raccomandazione del Parlamento Europeo e del Consiglio relativa al Quadro  europeo delle Qualifiche per l’apprendimento permanente</a:t>
            </a:r>
            <a:r>
              <a:rPr lang="it-IT" sz="1000" b="1" i="1" dirty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.</a:t>
            </a:r>
          </a:p>
        </p:txBody>
      </p:sp>
      <p:cxnSp>
        <p:nvCxnSpPr>
          <p:cNvPr id="13" name="AutoShape 3"/>
          <p:cNvCxnSpPr>
            <a:cxnSpLocks noChangeShapeType="1"/>
          </p:cNvCxnSpPr>
          <p:nvPr/>
        </p:nvCxnSpPr>
        <p:spPr bwMode="auto">
          <a:xfrm>
            <a:off x="4294188" y="798513"/>
            <a:ext cx="0" cy="290512"/>
          </a:xfrm>
          <a:prstGeom prst="straightConnector1">
            <a:avLst/>
          </a:prstGeom>
          <a:noFill/>
          <a:ln w="3816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4" name="AutoShape 5"/>
          <p:cNvCxnSpPr>
            <a:cxnSpLocks noChangeShapeType="1"/>
          </p:cNvCxnSpPr>
          <p:nvPr/>
        </p:nvCxnSpPr>
        <p:spPr bwMode="auto">
          <a:xfrm flipH="1">
            <a:off x="2195513" y="1752600"/>
            <a:ext cx="2089150" cy="823913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5" name="AutoShape 7"/>
          <p:cNvCxnSpPr>
            <a:cxnSpLocks noChangeShapeType="1"/>
          </p:cNvCxnSpPr>
          <p:nvPr/>
        </p:nvCxnSpPr>
        <p:spPr bwMode="auto">
          <a:xfrm>
            <a:off x="4294188" y="1752600"/>
            <a:ext cx="2078037" cy="823913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6" name="AutoShape 6"/>
          <p:cNvCxnSpPr>
            <a:cxnSpLocks noChangeShapeType="1"/>
          </p:cNvCxnSpPr>
          <p:nvPr/>
        </p:nvCxnSpPr>
        <p:spPr bwMode="auto">
          <a:xfrm>
            <a:off x="4284663" y="1752600"/>
            <a:ext cx="9525" cy="1184275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7" name="AutoShape 11"/>
          <p:cNvCxnSpPr>
            <a:cxnSpLocks noChangeShapeType="1"/>
          </p:cNvCxnSpPr>
          <p:nvPr/>
        </p:nvCxnSpPr>
        <p:spPr bwMode="auto">
          <a:xfrm rot="10800000" flipV="1">
            <a:off x="2000232" y="3571876"/>
            <a:ext cx="1285888" cy="1214446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8" name="AutoShape 14"/>
          <p:cNvCxnSpPr>
            <a:cxnSpLocks noChangeShapeType="1"/>
          </p:cNvCxnSpPr>
          <p:nvPr/>
        </p:nvCxnSpPr>
        <p:spPr bwMode="auto">
          <a:xfrm>
            <a:off x="4302125" y="3678238"/>
            <a:ext cx="1588" cy="949325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cxnSp>
        <p:nvCxnSpPr>
          <p:cNvPr id="19" name="AutoShape 12"/>
          <p:cNvCxnSpPr>
            <a:cxnSpLocks noChangeShapeType="1"/>
          </p:cNvCxnSpPr>
          <p:nvPr/>
        </p:nvCxnSpPr>
        <p:spPr bwMode="auto">
          <a:xfrm rot="16200000" flipH="1">
            <a:off x="4929192" y="3786192"/>
            <a:ext cx="1500196" cy="1500196"/>
          </a:xfrm>
          <a:prstGeom prst="straightConnector1">
            <a:avLst/>
          </a:prstGeom>
          <a:noFill/>
          <a:ln w="28440">
            <a:solidFill>
              <a:srgbClr val="FFFF00"/>
            </a:solidFill>
            <a:miter lim="800000"/>
            <a:headEnd/>
            <a:tailEnd type="triangle" w="med" len="med"/>
          </a:ln>
        </p:spPr>
      </p:cxnSp>
      <p:sp>
        <p:nvSpPr>
          <p:cNvPr id="21" name="CasellaDiTesto 20"/>
          <p:cNvSpPr txBox="1"/>
          <p:nvPr/>
        </p:nvSpPr>
        <p:spPr>
          <a:xfrm>
            <a:off x="500034" y="4929198"/>
            <a:ext cx="235745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4163" indent="-284163" algn="ctr">
              <a:buClr>
                <a:srgbClr val="FF0000"/>
              </a:buClr>
              <a:buSzPct val="100000"/>
              <a:tabLst>
                <a:tab pos="284163" algn="l"/>
                <a:tab pos="1198563" algn="l"/>
                <a:tab pos="2112963" algn="l"/>
                <a:tab pos="3027363" algn="l"/>
                <a:tab pos="3941763" algn="l"/>
                <a:tab pos="4856163" algn="l"/>
                <a:tab pos="5770563" algn="l"/>
                <a:tab pos="6684963" algn="l"/>
                <a:tab pos="7599363" algn="l"/>
                <a:tab pos="8513763" algn="l"/>
                <a:tab pos="9428163" algn="l"/>
                <a:tab pos="10342563" algn="l"/>
              </a:tabLst>
              <a:defRPr/>
            </a:pPr>
            <a:r>
              <a:rPr lang="it-IT" b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NELLO STUDIO  </a:t>
            </a:r>
            <a:endParaRPr lang="it-IT" b="1" dirty="0">
              <a:solidFill>
                <a:srgbClr val="FFFF00"/>
              </a:solidFill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  <p:sp>
        <p:nvSpPr>
          <p:cNvPr id="24" name="CasellaDiTesto 23"/>
          <p:cNvSpPr txBox="1"/>
          <p:nvPr/>
        </p:nvSpPr>
        <p:spPr>
          <a:xfrm>
            <a:off x="5643570" y="5643578"/>
            <a:ext cx="314327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4163" indent="-284163" algn="ctr">
              <a:buClr>
                <a:srgbClr val="FF0000"/>
              </a:buClr>
              <a:buSzPct val="100000"/>
              <a:tabLst>
                <a:tab pos="284163" algn="l"/>
                <a:tab pos="1198563" algn="l"/>
                <a:tab pos="2112963" algn="l"/>
                <a:tab pos="3027363" algn="l"/>
                <a:tab pos="3941763" algn="l"/>
                <a:tab pos="4856163" algn="l"/>
                <a:tab pos="5770563" algn="l"/>
                <a:tab pos="6684963" algn="l"/>
                <a:tab pos="7599363" algn="l"/>
                <a:tab pos="8513763" algn="l"/>
                <a:tab pos="9428163" algn="l"/>
                <a:tab pos="10342563" algn="l"/>
              </a:tabLst>
              <a:defRPr/>
            </a:pPr>
            <a:r>
              <a:rPr lang="it-IT" b="1" dirty="0" smtClean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NELLO SVILUPPO PROFESSIONALE</a:t>
            </a:r>
            <a:endParaRPr lang="it-IT" b="1" dirty="0">
              <a:solidFill>
                <a:srgbClr val="FFFF00"/>
              </a:solidFill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-244475" y="0"/>
            <a:ext cx="9388475" cy="7037388"/>
          </a:xfrm>
          <a:prstGeom prst="rect">
            <a:avLst/>
          </a:prstGeom>
          <a:noFill/>
          <a:ln w="9525">
            <a:noFill/>
            <a:round/>
            <a:headEnd/>
            <a:tailEnd/>
          </a:ln>
        </p:spPr>
      </p:pic>
      <p:sp>
        <p:nvSpPr>
          <p:cNvPr id="6" name="CasellaDiTesto 5"/>
          <p:cNvSpPr txBox="1"/>
          <p:nvPr/>
        </p:nvSpPr>
        <p:spPr>
          <a:xfrm>
            <a:off x="3043238" y="115888"/>
            <a:ext cx="2392362" cy="64770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dirty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 </a:t>
            </a:r>
            <a:r>
              <a:rPr lang="it-IT" sz="36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OBIETTIVO</a:t>
            </a:r>
            <a:endParaRPr lang="it-IT" sz="3600" b="1" dirty="0">
              <a:solidFill>
                <a:srgbClr val="FFFF00"/>
              </a:solidFill>
              <a:ea typeface="Microsoft YaHei" charset="-122"/>
            </a:endParaRPr>
          </a:p>
        </p:txBody>
      </p:sp>
      <p:sp>
        <p:nvSpPr>
          <p:cNvPr id="7" name="CasellaDiTesto 6"/>
          <p:cNvSpPr txBox="1"/>
          <p:nvPr/>
        </p:nvSpPr>
        <p:spPr>
          <a:xfrm>
            <a:off x="323850" y="908050"/>
            <a:ext cx="8569325" cy="181610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sz="28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</a:rPr>
              <a:t>-</a:t>
            </a:r>
            <a:r>
              <a:rPr lang="it-IT" sz="2800" b="1" dirty="0">
                <a:solidFill>
                  <a:srgbClr val="FF00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 </a:t>
            </a:r>
            <a:r>
              <a:rPr lang="it-IT" sz="28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FORNIRE STRUMENTI CULTURALI E METODOLOGICI 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sz="28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- PER UNA COMPRENSIONE DELLA REALTA’</a:t>
            </a:r>
          </a:p>
          <a:p>
            <a:pPr algn="ctr">
              <a:buClr>
                <a:srgbClr val="000000"/>
              </a:buClr>
              <a:buSzPct val="100000"/>
              <a:buFont typeface="Times New Roman" pitchFamily="18" charset="0"/>
              <a:buNone/>
              <a:defRPr/>
            </a:pPr>
            <a:r>
              <a:rPr lang="it-IT" sz="2800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latin typeface="Calibri" pitchFamily="32" charset="0"/>
                <a:ea typeface="Microsoft YaHei" charset="-122"/>
                <a:cs typeface="Arial" charset="0"/>
              </a:rPr>
              <a:t>- PERCHE’ GLI ALUNNI SI PONGANO CON UN ATTEGGIAMENTO </a:t>
            </a:r>
          </a:p>
        </p:txBody>
      </p:sp>
      <p:sp>
        <p:nvSpPr>
          <p:cNvPr id="8" name="Text Box 9"/>
          <p:cNvSpPr txBox="1">
            <a:spLocks noChangeArrowheads="1"/>
          </p:cNvSpPr>
          <p:nvPr/>
        </p:nvSpPr>
        <p:spPr bwMode="auto">
          <a:xfrm>
            <a:off x="2844800" y="4005263"/>
            <a:ext cx="2881313" cy="1465262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 algn="ctr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DI FRONTE A </a:t>
            </a:r>
          </a:p>
          <a:p>
            <a:pPr algn="ctr">
              <a:buClr>
                <a:srgbClr val="FF0000"/>
              </a:buClr>
              <a:buSzPct val="100000"/>
              <a:buFont typeface="Arial" charset="0"/>
              <a:buChar char="•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SITUAZIONI</a:t>
            </a:r>
          </a:p>
          <a:p>
            <a:pPr algn="ctr">
              <a:buClr>
                <a:srgbClr val="FF0000"/>
              </a:buClr>
              <a:buSzPct val="100000"/>
              <a:buFont typeface="Arial" charset="0"/>
              <a:buChar char="•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 FENOMENI </a:t>
            </a:r>
          </a:p>
          <a:p>
            <a:pPr algn="ctr">
              <a:buClr>
                <a:srgbClr val="FF0000"/>
              </a:buClr>
              <a:buSzPct val="100000"/>
              <a:buFont typeface="Arial" charset="0"/>
              <a:buChar char="•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 PROBLEMI</a:t>
            </a:r>
          </a:p>
          <a:p>
            <a:pPr algn="ctr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  <a:cs typeface="Arial" charset="0"/>
              </a:rPr>
              <a:t>AL FINE DI ACQUISIRE</a:t>
            </a:r>
          </a:p>
        </p:txBody>
      </p:sp>
      <p:sp>
        <p:nvSpPr>
          <p:cNvPr id="9" name="Text Box 4"/>
          <p:cNvSpPr txBox="1">
            <a:spLocks noChangeArrowheads="1"/>
          </p:cNvSpPr>
          <p:nvPr/>
        </p:nvSpPr>
        <p:spPr bwMode="auto">
          <a:xfrm>
            <a:off x="107950" y="2828925"/>
            <a:ext cx="1800225" cy="642938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 algn="just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</a:rPr>
              <a:t>RAZIONALE   E CREATIVO</a:t>
            </a:r>
          </a:p>
        </p:txBody>
      </p:sp>
      <p:sp>
        <p:nvSpPr>
          <p:cNvPr id="10" name="Text Box 7"/>
          <p:cNvSpPr txBox="1">
            <a:spLocks noChangeArrowheads="1"/>
          </p:cNvSpPr>
          <p:nvPr/>
        </p:nvSpPr>
        <p:spPr bwMode="auto">
          <a:xfrm>
            <a:off x="6831013" y="2914650"/>
            <a:ext cx="1944687" cy="642938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 algn="ctr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</a:rPr>
              <a:t>PROGETTUALE E CRITICO</a:t>
            </a:r>
          </a:p>
        </p:txBody>
      </p:sp>
      <p:sp>
        <p:nvSpPr>
          <p:cNvPr id="12" name="Text Box 10"/>
          <p:cNvSpPr txBox="1">
            <a:spLocks noChangeArrowheads="1"/>
          </p:cNvSpPr>
          <p:nvPr/>
        </p:nvSpPr>
        <p:spPr bwMode="auto">
          <a:xfrm>
            <a:off x="539750" y="5661025"/>
            <a:ext cx="7848600" cy="925513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lIns="90000" tIns="46800" rIns="90000" bIns="46800">
            <a:spAutoFit/>
          </a:bodyPr>
          <a:lstStyle/>
          <a:p>
            <a:pPr algn="ctr">
              <a:buSzPct val="100000"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it-IT" b="1" dirty="0">
                <a:solidFill>
                  <a:srgbClr val="FFFF00"/>
                </a:solidFill>
                <a:effectLst>
                  <a:outerShdw blurRad="38100" dist="38100" dir="2700000" algn="tl">
                    <a:srgbClr val="C0C0C0"/>
                  </a:outerShdw>
                </a:effectLst>
                <a:ea typeface="+mn-ea"/>
              </a:rPr>
              <a:t>CONOSCENZE ABILITA’ E COMPETENZE  COERENTI CON  LE CAPACITA’ E LE SCELTE PERSONALI VOLTE ALL’INSERIMENTO  NEL MONDO DEL LAVORO O AL PROSEGUIMENTO DEL CORSO DI STUDI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6" name="Diagramma 15"/>
          <p:cNvGraphicFramePr/>
          <p:nvPr>
            <p:extLst>
              <p:ext uri="{D42A27DB-BD31-4B8C-83A1-F6EECF244321}">
                <p14:modId xmlns:p14="http://schemas.microsoft.com/office/powerpoint/2010/main" val="1439153699"/>
              </p:ext>
            </p:extLst>
          </p:nvPr>
        </p:nvGraphicFramePr>
        <p:xfrm>
          <a:off x="107504" y="928670"/>
          <a:ext cx="7488832" cy="561662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20" name="Immagine 19" descr="normativa-bes.jpg"/>
          <p:cNvPicPr>
            <a:picLocks noChangeAspect="1"/>
          </p:cNvPicPr>
          <p:nvPr/>
        </p:nvPicPr>
        <p:blipFill>
          <a:blip r:embed="rId7" cstate="print"/>
          <a:srcRect l="3959" t="4889" r="2110" b="1979"/>
          <a:stretch>
            <a:fillRect/>
          </a:stretch>
        </p:blipFill>
        <p:spPr>
          <a:xfrm>
            <a:off x="3851920" y="0"/>
            <a:ext cx="3528392" cy="3488747"/>
          </a:xfrm>
          <a:prstGeom prst="ellipse">
            <a:avLst/>
          </a:prstGeom>
        </p:spPr>
      </p:pic>
      <p:pic>
        <p:nvPicPr>
          <p:cNvPr id="4" name="Picture 2" descr="C:\Users\stefania\Desktop\STEFANIA\DOCUMENTI ITIS\ARCHEOCHIMICA 14 15 3\FOTO ARCHEOCHIM 2015\FOTO 28 maggio 2015\DSC_1920.JPG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0673" t="39966" r="39967"/>
          <a:stretch/>
        </p:blipFill>
        <p:spPr bwMode="auto">
          <a:xfrm>
            <a:off x="7020272" y="2742542"/>
            <a:ext cx="2001789" cy="274025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415564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4878288" y="260648"/>
            <a:ext cx="3995936" cy="646331"/>
          </a:xfrm>
          <a:prstGeom prst="rect">
            <a:avLst/>
          </a:prstGeom>
          <a:ln>
            <a:solidFill>
              <a:schemeClr val="bg1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it-IT" dirty="0" smtClean="0"/>
              <a:t>“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TUDIO DELLE MATRICI MARINE” (</a:t>
            </a:r>
            <a:r>
              <a:rPr lang="it-IT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SVA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)</a:t>
            </a:r>
          </a:p>
        </p:txBody>
      </p:sp>
      <p:pic>
        <p:nvPicPr>
          <p:cNvPr id="3" name="Immagine 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53761" y="1763989"/>
            <a:ext cx="1450287" cy="144317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CasellaDiTesto 3"/>
          <p:cNvSpPr txBox="1"/>
          <p:nvPr/>
        </p:nvSpPr>
        <p:spPr>
          <a:xfrm>
            <a:off x="209023" y="67698"/>
            <a:ext cx="3024336" cy="2031325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OGETTAZIONE DI UNA MODALITA’ DI SINTESI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LTERNATIVA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ER POLIMERI BIO DEGRADABILI ( Facoltà di Ingegneria prof.   PIERLUIGI STIPA</a:t>
            </a:r>
          </a:p>
        </p:txBody>
      </p:sp>
      <p:sp>
        <p:nvSpPr>
          <p:cNvPr id="5" name="CasellaDiTesto 4"/>
          <p:cNvSpPr txBox="1"/>
          <p:nvPr/>
        </p:nvSpPr>
        <p:spPr>
          <a:xfrm>
            <a:off x="6139991" y="2780928"/>
            <a:ext cx="2736304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dirty="0" smtClean="0"/>
              <a:t>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PROPRIETA’ E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ARATTERIZZAZIONE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 PELLET” ( prof.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OSCANO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" name="CasellaDiTesto 5"/>
          <p:cNvSpPr txBox="1"/>
          <p:nvPr/>
        </p:nvSpPr>
        <p:spPr>
          <a:xfrm>
            <a:off x="313141" y="3172311"/>
            <a:ext cx="2584847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STUDIO DELLE CLOROFILLE COME INDICATORI AMBIENTALI” (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NR)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7" name="CasellaDiTesto 6"/>
          <p:cNvSpPr txBox="1"/>
          <p:nvPr/>
        </p:nvSpPr>
        <p:spPr>
          <a:xfrm>
            <a:off x="359542" y="5469324"/>
            <a:ext cx="3744416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MONITORAGGIO DELLE ACQUE  DI FONDALI PRESSO LE PIATTAFORME ESTRATTIVE IN </a:t>
            </a:r>
            <a:r>
              <a:rPr lang="it-IT" b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DRIATICO</a:t>
            </a:r>
            <a:r>
              <a:rPr lang="it-IT" smtClean="0"/>
              <a:t>”</a:t>
            </a:r>
            <a:endParaRPr lang="it-IT" dirty="0"/>
          </a:p>
        </p:txBody>
      </p:sp>
      <p:sp>
        <p:nvSpPr>
          <p:cNvPr id="8" name="CasellaDiTesto 7"/>
          <p:cNvSpPr txBox="1"/>
          <p:nvPr/>
        </p:nvSpPr>
        <p:spPr>
          <a:xfrm>
            <a:off x="6012160" y="5013176"/>
            <a:ext cx="2592288" cy="1477328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tività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routine presso altre aziende, inerenti  il controllo ambientale.  acque suolo, aria.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9" name="CasellaDiTesto 8"/>
          <p:cNvSpPr txBox="1"/>
          <p:nvPr/>
        </p:nvSpPr>
        <p:spPr>
          <a:xfrm>
            <a:off x="5292080" y="1208556"/>
            <a:ext cx="3582144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 STUDIO DELLA COMPOSIZIONE DEL GHIACCIO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TARTICO (</a:t>
            </a:r>
            <a:r>
              <a:rPr lang="it-IT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SVA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)</a:t>
            </a:r>
            <a:endParaRPr lang="it-IT" dirty="0"/>
          </a:p>
        </p:txBody>
      </p:sp>
      <p:sp>
        <p:nvSpPr>
          <p:cNvPr id="10" name="CasellaDiTesto 9"/>
          <p:cNvSpPr txBox="1"/>
          <p:nvPr/>
        </p:nvSpPr>
        <p:spPr>
          <a:xfrm>
            <a:off x="3233359" y="3207167"/>
            <a:ext cx="2490769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partimento di Chimica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l’I. I. S.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Volterra - Elia” di Ancona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1" name="Freccia a destra 10"/>
          <p:cNvSpPr/>
          <p:nvPr/>
        </p:nvSpPr>
        <p:spPr>
          <a:xfrm rot="1000218">
            <a:off x="5357326" y="4740769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2" name="Freccia a destra 11"/>
          <p:cNvSpPr/>
          <p:nvPr/>
        </p:nvSpPr>
        <p:spPr>
          <a:xfrm rot="20175826">
            <a:off x="4824028" y="1581064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3" name="Freccia a destra 12"/>
          <p:cNvSpPr/>
          <p:nvPr/>
        </p:nvSpPr>
        <p:spPr>
          <a:xfrm rot="18024401">
            <a:off x="4278904" y="1025631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4" name="Freccia a destra 13"/>
          <p:cNvSpPr/>
          <p:nvPr/>
        </p:nvSpPr>
        <p:spPr>
          <a:xfrm rot="7316201">
            <a:off x="3624203" y="4672452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5" name="Freccia a destra 14"/>
          <p:cNvSpPr/>
          <p:nvPr/>
        </p:nvSpPr>
        <p:spPr>
          <a:xfrm rot="12991657">
            <a:off x="2941433" y="2302653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6" name="Freccia a destra 15"/>
          <p:cNvSpPr/>
          <p:nvPr/>
        </p:nvSpPr>
        <p:spPr>
          <a:xfrm rot="9829717">
            <a:off x="2941812" y="3624407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7" name="Freccia a destra 16"/>
          <p:cNvSpPr/>
          <p:nvPr/>
        </p:nvSpPr>
        <p:spPr>
          <a:xfrm>
            <a:off x="5508104" y="3207167"/>
            <a:ext cx="360040" cy="365849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41603898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 descr="C:\Users\s21181\AppData\Local\Temp\IMAG0909.jpg"/>
          <p:cNvPicPr>
            <a:picLocks noChangeAspect="1" noChangeArrowheads="1"/>
          </p:cNvPicPr>
          <p:nvPr/>
        </p:nvPicPr>
        <p:blipFill>
          <a:blip r:embed="rId2" cstate="print"/>
          <a:srcRect t="22222" r="3731" b="25396"/>
          <a:stretch>
            <a:fillRect/>
          </a:stretch>
        </p:blipFill>
        <p:spPr bwMode="auto">
          <a:xfrm>
            <a:off x="251520" y="2564904"/>
            <a:ext cx="4195969" cy="4072557"/>
          </a:xfrm>
          <a:prstGeom prst="rect">
            <a:avLst/>
          </a:prstGeom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  <a:softEdge rad="112500"/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</p:spPr>
      </p:pic>
      <p:sp>
        <p:nvSpPr>
          <p:cNvPr id="3" name="Rettangolo 2"/>
          <p:cNvSpPr/>
          <p:nvPr/>
        </p:nvSpPr>
        <p:spPr>
          <a:xfrm>
            <a:off x="0" y="1196752"/>
            <a:ext cx="4572000" cy="1323439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partimento di Chimica </a:t>
            </a:r>
            <a:endParaRPr lang="it-IT" sz="20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stituto d’Istruzione Superiore </a:t>
            </a:r>
          </a:p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“Volterra - Elia” </a:t>
            </a:r>
          </a:p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Ancona</a:t>
            </a:r>
          </a:p>
        </p:txBody>
      </p:sp>
      <p:pic>
        <p:nvPicPr>
          <p:cNvPr id="4" name="Immagin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472" y="0"/>
            <a:ext cx="1040132" cy="10350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CasellaDiTesto 4"/>
          <p:cNvSpPr txBox="1"/>
          <p:nvPr/>
        </p:nvSpPr>
        <p:spPr>
          <a:xfrm>
            <a:off x="4764735" y="1262876"/>
            <a:ext cx="4143372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Università Politecnica delle Marche (UNIVPM Dipartimento di Scienze della Vita e dell’Ambiente (</a:t>
            </a:r>
            <a:r>
              <a:rPr lang="it-IT" sz="2000" b="1" dirty="0" err="1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SVA</a:t>
            </a:r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),  corso di laurea in Biologia Marina, Biologia industriale e </a:t>
            </a:r>
            <a:r>
              <a:rPr lang="it-IT" sz="2000" b="1" dirty="0" err="1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iometodologie</a:t>
            </a:r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, e specialistica in Sostenibilità ambientale e protezione civile</a:t>
            </a:r>
            <a:endParaRPr lang="it-IT" sz="20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" name="CasellaDiTesto 5"/>
          <p:cNvSpPr txBox="1"/>
          <p:nvPr/>
        </p:nvSpPr>
        <p:spPr>
          <a:xfrm>
            <a:off x="1259632" y="836712"/>
            <a:ext cx="221457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2000" b="1" i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docente autore</a:t>
            </a:r>
          </a:p>
        </p:txBody>
      </p:sp>
      <p:sp>
        <p:nvSpPr>
          <p:cNvPr id="7" name="CasellaDiTesto 6"/>
          <p:cNvSpPr txBox="1"/>
          <p:nvPr/>
        </p:nvSpPr>
        <p:spPr>
          <a:xfrm>
            <a:off x="5403600" y="862766"/>
            <a:ext cx="242889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2000" b="1" i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referenti aziendali</a:t>
            </a:r>
          </a:p>
        </p:txBody>
      </p:sp>
      <p:sp>
        <p:nvSpPr>
          <p:cNvPr id="8" name="Rettangolo 7"/>
          <p:cNvSpPr/>
          <p:nvPr/>
        </p:nvSpPr>
        <p:spPr>
          <a:xfrm>
            <a:off x="2751667" y="0"/>
            <a:ext cx="3866379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it-IT" sz="2800" b="1" i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itchFamily="32" charset="0"/>
                <a:ea typeface="Microsoft YaHei" charset="-122"/>
              </a:rPr>
              <a:t>Alternanza scuola lavoro</a:t>
            </a:r>
            <a:endParaRPr lang="it-IT" sz="2800" dirty="0">
              <a:solidFill>
                <a:srgbClr val="FF0000"/>
              </a:solidFill>
            </a:endParaRPr>
          </a:p>
        </p:txBody>
      </p:sp>
      <p:sp>
        <p:nvSpPr>
          <p:cNvPr id="9" name="Freccia in giù 8"/>
          <p:cNvSpPr/>
          <p:nvPr/>
        </p:nvSpPr>
        <p:spPr>
          <a:xfrm rot="3363606">
            <a:off x="2942726" y="530181"/>
            <a:ext cx="357190" cy="428628"/>
          </a:xfrm>
          <a:prstGeom prst="downArrow">
            <a:avLst/>
          </a:prstGeom>
          <a:solidFill>
            <a:schemeClr val="bg1"/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0" name="Freccia in giù 9"/>
          <p:cNvSpPr/>
          <p:nvPr/>
        </p:nvSpPr>
        <p:spPr>
          <a:xfrm rot="18863284">
            <a:off x="5373388" y="4280697"/>
            <a:ext cx="357190" cy="428628"/>
          </a:xfrm>
          <a:prstGeom prst="downArrow">
            <a:avLst/>
          </a:prstGeom>
          <a:solidFill>
            <a:schemeClr val="bg1"/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1" name="CasellaDiTesto 10"/>
          <p:cNvSpPr txBox="1"/>
          <p:nvPr/>
        </p:nvSpPr>
        <p:spPr>
          <a:xfrm>
            <a:off x="4788024" y="5129253"/>
            <a:ext cx="435597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 - progettazione congiunta</a:t>
            </a:r>
            <a:endParaRPr lang="it-IT" sz="20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Freccia in giù 11"/>
          <p:cNvSpPr/>
          <p:nvPr/>
        </p:nvSpPr>
        <p:spPr>
          <a:xfrm rot="17829648">
            <a:off x="5054504" y="591654"/>
            <a:ext cx="357190" cy="428628"/>
          </a:xfrm>
          <a:prstGeom prst="downArrow">
            <a:avLst/>
          </a:prstGeom>
          <a:solidFill>
            <a:schemeClr val="bg1"/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magine 6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95918" y="107950"/>
            <a:ext cx="1040132" cy="10350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Rettangolo 1"/>
          <p:cNvSpPr/>
          <p:nvPr/>
        </p:nvSpPr>
        <p:spPr>
          <a:xfrm>
            <a:off x="323528" y="1052736"/>
            <a:ext cx="4572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it-IT" b="1" dirty="0" smtClean="0"/>
              <a:t>L’azienda, il suo contesto  </a:t>
            </a:r>
            <a:r>
              <a:rPr lang="it-IT" b="1" dirty="0"/>
              <a:t>e i suoi valori </a:t>
            </a:r>
            <a:endParaRPr lang="it-IT" dirty="0"/>
          </a:p>
          <a:p>
            <a:r>
              <a:rPr lang="it-IT" b="1" dirty="0"/>
              <a:t> </a:t>
            </a:r>
            <a:endParaRPr lang="it-IT" dirty="0"/>
          </a:p>
        </p:txBody>
      </p:sp>
      <p:sp>
        <p:nvSpPr>
          <p:cNvPr id="3" name="Rettangolo 2"/>
          <p:cNvSpPr/>
          <p:nvPr/>
        </p:nvSpPr>
        <p:spPr>
          <a:xfrm>
            <a:off x="251520" y="1700808"/>
            <a:ext cx="4572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/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OCESSI, RUOLI ED ATTIVITÀ SIGNIFICATIVE</a:t>
            </a:r>
          </a:p>
        </p:txBody>
      </p:sp>
      <p:sp>
        <p:nvSpPr>
          <p:cNvPr id="5" name="Rettangolo 4"/>
          <p:cNvSpPr/>
          <p:nvPr/>
        </p:nvSpPr>
        <p:spPr>
          <a:xfrm>
            <a:off x="0" y="2348880"/>
            <a:ext cx="7848872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ofilo scolastico di riferimento: Tecnico Chimico dei materiali (Istituto Tecnico Tecnologico)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ttività significative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 del Tecnico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monitoraggio: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ianifica il monitoraggio ambientale marin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rganizza la campagna di raccolta campion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artecipa alla campagna di campionament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alizza  i campioni raccol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labora i da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dige una relazione del rapporto finale</a:t>
            </a:r>
          </a:p>
        </p:txBody>
      </p:sp>
      <p:sp>
        <p:nvSpPr>
          <p:cNvPr id="8" name="CasellaDiTesto 7"/>
          <p:cNvSpPr txBox="1"/>
          <p:nvPr/>
        </p:nvSpPr>
        <p:spPr>
          <a:xfrm>
            <a:off x="46750" y="25529"/>
            <a:ext cx="4165210" cy="89255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° FASE:</a:t>
            </a:r>
          </a:p>
          <a:p>
            <a:pPr algn="ctr"/>
            <a:r>
              <a:rPr lang="it-IT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ipartizione dei compiti tra scuola e </a:t>
            </a:r>
            <a:r>
              <a:rPr lang="it-IT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resa</a:t>
            </a:r>
            <a:endParaRPr lang="it-IT" sz="16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9" name="Picture 3" descr="strumento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64088" y="3933056"/>
            <a:ext cx="3602806" cy="2579798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229816" y="1189687"/>
            <a:ext cx="5328592" cy="480131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it-IT" dirty="0"/>
              <a:t> </a:t>
            </a:r>
          </a:p>
          <a:p>
            <a:pPr lvl="0"/>
            <a:r>
              <a:rPr lang="it-IT" dirty="0"/>
              <a:t>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ecnico di monitoraggio deve : 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finire prove di campionament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rganizzare la campagna di raccolta campion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ffettuare attività di campionamento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alizzare i campioni raccol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laborare criticamente i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ati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marL="285750" lvl="0" indent="-285750">
              <a:buFont typeface="Arial" panose="020B0604020202020204" pitchFamily="34" charset="0"/>
              <a:buChar char="•"/>
            </a:pPr>
            <a:endParaRPr lang="it-IT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lvl="0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l Tecnico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 monitoraggio  deve possedere :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cisione e attenzione 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ccuratezza 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enso critico</a:t>
            </a:r>
          </a:p>
          <a:p>
            <a:pPr lvl="0"/>
            <a:endParaRPr lang="it-IT" dirty="0"/>
          </a:p>
        </p:txBody>
      </p:sp>
      <p:sp>
        <p:nvSpPr>
          <p:cNvPr id="4" name="CasellaDiTesto 3"/>
          <p:cNvSpPr txBox="1"/>
          <p:nvPr/>
        </p:nvSpPr>
        <p:spPr>
          <a:xfrm>
            <a:off x="46750" y="25529"/>
            <a:ext cx="2437018" cy="1138773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° FASE:</a:t>
            </a:r>
          </a:p>
          <a:p>
            <a:pPr algn="ctr"/>
            <a:r>
              <a:rPr lang="it-IT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ipartizione dei compiti tra scuola e </a:t>
            </a:r>
            <a:r>
              <a:rPr lang="it-IT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resa</a:t>
            </a:r>
            <a:endParaRPr lang="it-IT" sz="16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5" name="Immagine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95918" y="107950"/>
            <a:ext cx="1040132" cy="10350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 descr="https://unpodichimica.files.wordpress.com/2013/03/img_1712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005"/>
          <a:stretch/>
        </p:blipFill>
        <p:spPr bwMode="auto">
          <a:xfrm>
            <a:off x="5008728" y="3140968"/>
            <a:ext cx="4027322" cy="3474145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CasellaDiTesto 6"/>
          <p:cNvSpPr txBox="1"/>
          <p:nvPr/>
        </p:nvSpPr>
        <p:spPr>
          <a:xfrm>
            <a:off x="3491880" y="260648"/>
            <a:ext cx="3888432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endParaRPr lang="it-IT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/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mpetenze traguardo di riferimento per l’azienda</a:t>
            </a:r>
          </a:p>
          <a:p>
            <a:r>
              <a:rPr lang="it-IT" dirty="0" smtClean="0"/>
              <a:t> </a:t>
            </a:r>
            <a:endParaRPr lang="it-IT" dirty="0"/>
          </a:p>
        </p:txBody>
      </p:sp>
      <p:sp>
        <p:nvSpPr>
          <p:cNvPr id="8" name="Freccia a destra 7"/>
          <p:cNvSpPr/>
          <p:nvPr/>
        </p:nvSpPr>
        <p:spPr>
          <a:xfrm>
            <a:off x="2771800" y="476672"/>
            <a:ext cx="504056" cy="432048"/>
          </a:xfrm>
          <a:prstGeom prst="rightArrow">
            <a:avLst/>
          </a:prstGeom>
          <a:solidFill>
            <a:schemeClr val="bg1"/>
          </a:solidFill>
          <a:ln>
            <a:solidFill>
              <a:schemeClr val="tx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5960549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tangolo 1"/>
          <p:cNvSpPr/>
          <p:nvPr/>
        </p:nvSpPr>
        <p:spPr>
          <a:xfrm>
            <a:off x="4067944" y="2737126"/>
            <a:ext cx="4968106" cy="36933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it-IT" b="1" u="sng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imi giorni in affiancamento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:</a:t>
            </a:r>
          </a:p>
          <a:p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 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Utilizzo ed applicazione degli strumenti software, </a:t>
            </a:r>
            <a:r>
              <a:rPr lang="it-IT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google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Earth, localizzazione dei punti di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ampionamento</a:t>
            </a:r>
            <a:endParaRPr lang="it-IT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pprendimento e applicazione delle regole di sicurezza a bordo del natante di ricerca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pprendimento e applicazione delle tecniche di campionamento marino costiero.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parazione del materiale di campionamento</a:t>
            </a:r>
          </a:p>
        </p:txBody>
      </p:sp>
      <p:pic>
        <p:nvPicPr>
          <p:cNvPr id="3" name="Immagine 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95918" y="107950"/>
            <a:ext cx="1040132" cy="10350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CasellaDiTesto 3"/>
          <p:cNvSpPr txBox="1"/>
          <p:nvPr/>
        </p:nvSpPr>
        <p:spPr>
          <a:xfrm>
            <a:off x="46750" y="25529"/>
            <a:ext cx="2437018" cy="1138773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° FASE:</a:t>
            </a:r>
          </a:p>
          <a:p>
            <a:pPr algn="ctr"/>
            <a:r>
              <a:rPr lang="it-IT" sz="16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ipartizione dei compiti tra scuola e </a:t>
            </a:r>
            <a:r>
              <a:rPr lang="it-IT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mpresa</a:t>
            </a:r>
            <a:endParaRPr lang="it-IT" sz="16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" name="CasellaDiTesto 4"/>
          <p:cNvSpPr txBox="1"/>
          <p:nvPr/>
        </p:nvSpPr>
        <p:spPr>
          <a:xfrm>
            <a:off x="3305149" y="921215"/>
            <a:ext cx="5184575" cy="1200329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it-IT" b="1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vvio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: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resentazione attività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el 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ipartimento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lloquio con gli studenti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</a:t>
            </a:r>
            <a:r>
              <a:rPr lang="it-IT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udio </a:t>
            </a:r>
            <a:r>
              <a:rPr lang="it-IT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dividuale e bibliografico</a:t>
            </a:r>
          </a:p>
        </p:txBody>
      </p:sp>
      <p:sp>
        <p:nvSpPr>
          <p:cNvPr id="6" name="Freccia a destra 5"/>
          <p:cNvSpPr/>
          <p:nvPr/>
        </p:nvSpPr>
        <p:spPr>
          <a:xfrm rot="1386538">
            <a:off x="2718480" y="550348"/>
            <a:ext cx="432048" cy="360040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7" name="Freccia in giù 6"/>
          <p:cNvSpPr/>
          <p:nvPr/>
        </p:nvSpPr>
        <p:spPr>
          <a:xfrm>
            <a:off x="5788204" y="2292895"/>
            <a:ext cx="360040" cy="432048"/>
          </a:xfrm>
          <a:prstGeom prst="down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pic>
        <p:nvPicPr>
          <p:cNvPr id="8" name="Picture 3" descr="strumento 5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324" t="4231"/>
          <a:stretch/>
        </p:blipFill>
        <p:spPr bwMode="auto">
          <a:xfrm>
            <a:off x="132482" y="3130731"/>
            <a:ext cx="3638297" cy="3281743"/>
          </a:xfrm>
          <a:prstGeom prst="rect">
            <a:avLst/>
          </a:prstGeom>
          <a:noFill/>
          <a:ln>
            <a:noFill/>
          </a:ln>
          <a:effectLst>
            <a:outerShdw blurRad="190500" dist="228600" dir="2700000" algn="ctr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glow" dir="t">
              <a:rot lat="0" lon="0" rev="4800000"/>
            </a:lightRig>
          </a:scene3d>
          <a:sp3d prstMaterial="matte">
            <a:bevelT w="127000" h="635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890850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ARCHEOCHIM  MUSEO S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RCHEOCHIM  MUSEO SS</Template>
  <TotalTime>576</TotalTime>
  <Words>811</Words>
  <Application>Microsoft Office PowerPoint</Application>
  <PresentationFormat>Presentazione su schermo (4:3)</PresentationFormat>
  <Paragraphs>153</Paragraphs>
  <Slides>18</Slides>
  <Notes>0</Notes>
  <HiddenSlides>0</HiddenSlides>
  <MMClips>0</MMClips>
  <ScaleCrop>false</ScaleCrop>
  <HeadingPairs>
    <vt:vector size="6" baseType="variant">
      <vt:variant>
        <vt:lpstr>Tema</vt:lpstr>
      </vt:variant>
      <vt:variant>
        <vt:i4>1</vt:i4>
      </vt:variant>
      <vt:variant>
        <vt:lpstr>Server OLE incorporati</vt:lpstr>
      </vt:variant>
      <vt:variant>
        <vt:i4>1</vt:i4>
      </vt:variant>
      <vt:variant>
        <vt:lpstr>Titoli diapositive</vt:lpstr>
      </vt:variant>
      <vt:variant>
        <vt:i4>18</vt:i4>
      </vt:variant>
    </vt:vector>
  </HeadingPairs>
  <TitlesOfParts>
    <vt:vector size="20" baseType="lpstr">
      <vt:lpstr>ARCHEOCHIM  MUSEO SS</vt:lpstr>
      <vt:lpstr>Immagine bitmap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RCHEOCHIMICA AL MUSEO</dc:title>
  <dc:creator>STEFANIA</dc:creator>
  <cp:lastModifiedBy>stefania</cp:lastModifiedBy>
  <cp:revision>69</cp:revision>
  <dcterms:created xsi:type="dcterms:W3CDTF">2014-12-30T18:30:41Z</dcterms:created>
  <dcterms:modified xsi:type="dcterms:W3CDTF">2016-09-16T17:44:29Z</dcterms:modified>
</cp:coreProperties>
</file>